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iPK0100\02_共用(B)$\i1121\Desktop\HP用\"/>
    </mc:Choice>
  </mc:AlternateContent>
  <bookViews>
    <workbookView xWindow="0" yWindow="0" windowWidth="23745" windowHeight="10755"/>
  </bookViews>
  <sheets>
    <sheet name="定期巡回・随時対応型訪問介護" sheetId="3" r:id="rId1"/>
    <sheet name="夜間対応型訪問介護" sheetId="1" r:id="rId2"/>
    <sheet name="地域密着型通所介護" sheetId="4" r:id="rId3"/>
    <sheet name="認知症対応型通所介護" sheetId="5" r:id="rId4"/>
    <sheet name="小規模多機能型居宅介護" sheetId="6" r:id="rId5"/>
    <sheet name="認知症対応型共同生活介護" sheetId="7" r:id="rId6"/>
    <sheet name="地域密着型特定施設入居者生活介護" sheetId="8" r:id="rId7"/>
    <sheet name="地域密着型介護老人福祉施設" sheetId="9" r:id="rId8"/>
    <sheet name="看護小規模多機能型居宅介護" sheetId="10" r:id="rId9"/>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43" uniqueCount="145">
  <si>
    <t>地域密着型サービスに係る加算届出書・添付書類一覧</t>
    <rPh sb="0" eb="2">
      <t>チイキ</t>
    </rPh>
    <rPh sb="2" eb="5">
      <t>ミッチャクガタ</t>
    </rPh>
    <rPh sb="10" eb="11">
      <t>カカ</t>
    </rPh>
    <rPh sb="12" eb="14">
      <t>カサン</t>
    </rPh>
    <rPh sb="14" eb="17">
      <t>トドケデショ</t>
    </rPh>
    <rPh sb="18" eb="20">
      <t>テンプ</t>
    </rPh>
    <rPh sb="20" eb="22">
      <t>ショルイ</t>
    </rPh>
    <rPh sb="22" eb="24">
      <t>イチラン</t>
    </rPh>
    <phoneticPr fontId="1"/>
  </si>
  <si>
    <t>該当サービス</t>
    <rPh sb="0" eb="2">
      <t>ガイトウ</t>
    </rPh>
    <phoneticPr fontId="1"/>
  </si>
  <si>
    <t>加算項目</t>
    <rPh sb="0" eb="2">
      <t>カサン</t>
    </rPh>
    <rPh sb="2" eb="4">
      <t>コウモク</t>
    </rPh>
    <phoneticPr fontId="1"/>
  </si>
  <si>
    <t>添付書類</t>
    <rPh sb="0" eb="2">
      <t>テンプ</t>
    </rPh>
    <rPh sb="2" eb="4">
      <t>ショルイ</t>
    </rPh>
    <phoneticPr fontId="1"/>
  </si>
  <si>
    <t>※京田辺市に特別地域指定を受けた区域はありません。</t>
    <phoneticPr fontId="1"/>
  </si>
  <si>
    <t>※京田辺市に中山間地域指定を受けた区域はありません。</t>
    <phoneticPr fontId="1"/>
  </si>
  <si>
    <t>特別地域加算</t>
    <rPh sb="0" eb="2">
      <t>トクベツ</t>
    </rPh>
    <rPh sb="2" eb="4">
      <t>チイキ</t>
    </rPh>
    <rPh sb="4" eb="6">
      <t>カサン</t>
    </rPh>
    <phoneticPr fontId="1"/>
  </si>
  <si>
    <t>緊急時訪問看護加算</t>
    <rPh sb="0" eb="3">
      <t>キンキュウジ</t>
    </rPh>
    <rPh sb="3" eb="5">
      <t>ホウモン</t>
    </rPh>
    <rPh sb="5" eb="7">
      <t>カンゴ</t>
    </rPh>
    <rPh sb="7" eb="9">
      <t>カサン</t>
    </rPh>
    <phoneticPr fontId="1"/>
  </si>
  <si>
    <t>特別管理体制</t>
    <rPh sb="0" eb="2">
      <t>トクベツ</t>
    </rPh>
    <rPh sb="2" eb="4">
      <t>カンリ</t>
    </rPh>
    <rPh sb="4" eb="6">
      <t>タイセイ</t>
    </rPh>
    <phoneticPr fontId="1"/>
  </si>
  <si>
    <t>ターミナルケア体制</t>
    <rPh sb="7" eb="9">
      <t>タイセイ</t>
    </rPh>
    <phoneticPr fontId="1"/>
  </si>
  <si>
    <t>総合マネジメント体制強化加算</t>
    <rPh sb="0" eb="2">
      <t>ソウゴウ</t>
    </rPh>
    <rPh sb="8" eb="10">
      <t>タイセイ</t>
    </rPh>
    <rPh sb="10" eb="12">
      <t>キョウカ</t>
    </rPh>
    <rPh sb="12" eb="14">
      <t>カサン</t>
    </rPh>
    <phoneticPr fontId="1"/>
  </si>
  <si>
    <t>不要</t>
    <rPh sb="0" eb="2">
      <t>フヨウ</t>
    </rPh>
    <phoneticPr fontId="1"/>
  </si>
  <si>
    <t>介護職員処遇改善加算</t>
    <rPh sb="0" eb="2">
      <t>カイゴ</t>
    </rPh>
    <rPh sb="2" eb="4">
      <t>ショクイン</t>
    </rPh>
    <rPh sb="4" eb="6">
      <t>ショグウ</t>
    </rPh>
    <rPh sb="6" eb="8">
      <t>カイゼン</t>
    </rPh>
    <rPh sb="8" eb="10">
      <t>カサン</t>
    </rPh>
    <phoneticPr fontId="1"/>
  </si>
  <si>
    <t>サービス提供体制強化加算</t>
    <rPh sb="4" eb="6">
      <t>テイキョウ</t>
    </rPh>
    <rPh sb="6" eb="8">
      <t>タイセイ</t>
    </rPh>
    <rPh sb="8" eb="10">
      <t>キョウカ</t>
    </rPh>
    <rPh sb="10" eb="12">
      <t>カサン</t>
    </rPh>
    <phoneticPr fontId="1"/>
  </si>
  <si>
    <t>定期巡回・随時対応型訪問介護</t>
    <rPh sb="0" eb="2">
      <t>テイキ</t>
    </rPh>
    <rPh sb="2" eb="4">
      <t>ジュンカイ</t>
    </rPh>
    <rPh sb="5" eb="7">
      <t>ズイジ</t>
    </rPh>
    <rPh sb="7" eb="10">
      <t>タイオウガタ</t>
    </rPh>
    <rPh sb="10" eb="14">
      <t>ホウモンカイゴ</t>
    </rPh>
    <phoneticPr fontId="1"/>
  </si>
  <si>
    <t>２４時間通報対応加算</t>
    <rPh sb="2" eb="4">
      <t>ジカン</t>
    </rPh>
    <rPh sb="4" eb="6">
      <t>ツウホウ</t>
    </rPh>
    <rPh sb="6" eb="8">
      <t>タイオウ</t>
    </rPh>
    <rPh sb="8" eb="10">
      <t>カサン</t>
    </rPh>
    <phoneticPr fontId="1"/>
  </si>
  <si>
    <t>・（別紙8）緊急時訪問看護加算・特別管理体制・ターミナルケア体制に係る届出書</t>
    <rPh sb="2" eb="4">
      <t>ベッシ</t>
    </rPh>
    <rPh sb="6" eb="9">
      <t>キンキュウジ</t>
    </rPh>
    <rPh sb="9" eb="11">
      <t>ホウモン</t>
    </rPh>
    <rPh sb="11" eb="13">
      <t>カンゴ</t>
    </rPh>
    <rPh sb="13" eb="15">
      <t>カサン</t>
    </rPh>
    <rPh sb="16" eb="18">
      <t>トクベツ</t>
    </rPh>
    <rPh sb="18" eb="20">
      <t>カンリ</t>
    </rPh>
    <rPh sb="20" eb="22">
      <t>タイセイ</t>
    </rPh>
    <rPh sb="30" eb="32">
      <t>タイセイ</t>
    </rPh>
    <rPh sb="33" eb="34">
      <t>カカ</t>
    </rPh>
    <rPh sb="35" eb="38">
      <t>トドケデショ</t>
    </rPh>
    <phoneticPr fontId="1"/>
  </si>
  <si>
    <t>サービス提供体制加算</t>
    <rPh sb="4" eb="6">
      <t>テイキョウ</t>
    </rPh>
    <rPh sb="6" eb="8">
      <t>タイセイ</t>
    </rPh>
    <rPh sb="8" eb="10">
      <t>カサン</t>
    </rPh>
    <phoneticPr fontId="1"/>
  </si>
  <si>
    <t xml:space="preserve">・（共通様式1-5）勤務形態一覧表
・資格を証する書類（写）
・２４時間のオペレーションセンターサービスの提供方法を記載した書類
</t>
    <rPh sb="2" eb="4">
      <t>キョウツウ</t>
    </rPh>
    <rPh sb="4" eb="6">
      <t>ヨウシキ</t>
    </rPh>
    <rPh sb="10" eb="12">
      <t>キンム</t>
    </rPh>
    <rPh sb="12" eb="14">
      <t>ケイタイ</t>
    </rPh>
    <rPh sb="14" eb="17">
      <t>イチランヒョウ</t>
    </rPh>
    <rPh sb="19" eb="21">
      <t>シカク</t>
    </rPh>
    <rPh sb="22" eb="23">
      <t>ショウ</t>
    </rPh>
    <rPh sb="25" eb="27">
      <t>ショルイ</t>
    </rPh>
    <rPh sb="28" eb="29">
      <t>ウツ</t>
    </rPh>
    <rPh sb="34" eb="36">
      <t>ジカン</t>
    </rPh>
    <rPh sb="53" eb="55">
      <t>テイキョウ</t>
    </rPh>
    <rPh sb="55" eb="57">
      <t>ホウホウ</t>
    </rPh>
    <rPh sb="58" eb="60">
      <t>キサイ</t>
    </rPh>
    <rPh sb="62" eb="64">
      <t>ショルイ</t>
    </rPh>
    <phoneticPr fontId="1"/>
  </si>
  <si>
    <t>職員の欠員による減算の状況</t>
    <rPh sb="0" eb="2">
      <t>ショクイン</t>
    </rPh>
    <rPh sb="3" eb="5">
      <t>ケツイン</t>
    </rPh>
    <rPh sb="8" eb="10">
      <t>ゲンサン</t>
    </rPh>
    <rPh sb="11" eb="13">
      <t>ジョウキョウ</t>
    </rPh>
    <phoneticPr fontId="1"/>
  </si>
  <si>
    <t>時間延長サービス体制</t>
    <rPh sb="0" eb="2">
      <t>ジカン</t>
    </rPh>
    <rPh sb="2" eb="4">
      <t>エンチョウ</t>
    </rPh>
    <rPh sb="8" eb="10">
      <t>タイセイ</t>
    </rPh>
    <phoneticPr fontId="1"/>
  </si>
  <si>
    <t>共生型サービスの提供</t>
    <rPh sb="0" eb="3">
      <t>キョウセイガタ</t>
    </rPh>
    <rPh sb="8" eb="10">
      <t>テイキョウ</t>
    </rPh>
    <phoneticPr fontId="1"/>
  </si>
  <si>
    <t>生活相談員配置等加算</t>
    <rPh sb="0" eb="2">
      <t>セイカツ</t>
    </rPh>
    <rPh sb="2" eb="5">
      <t>ソウダンイン</t>
    </rPh>
    <rPh sb="5" eb="7">
      <t>ハイチ</t>
    </rPh>
    <rPh sb="7" eb="8">
      <t>トウ</t>
    </rPh>
    <rPh sb="8" eb="10">
      <t>カサン</t>
    </rPh>
    <phoneticPr fontId="1"/>
  </si>
  <si>
    <t>中重度者ケア体制加算</t>
    <rPh sb="0" eb="4">
      <t>チュウジュウドシャ</t>
    </rPh>
    <rPh sb="6" eb="8">
      <t>タイセイ</t>
    </rPh>
    <rPh sb="8" eb="10">
      <t>カサン</t>
    </rPh>
    <phoneticPr fontId="1"/>
  </si>
  <si>
    <t>生活機能向上連携加算</t>
    <rPh sb="0" eb="2">
      <t>セイカツ</t>
    </rPh>
    <rPh sb="2" eb="4">
      <t>キノウ</t>
    </rPh>
    <rPh sb="4" eb="6">
      <t>コウジョウ</t>
    </rPh>
    <rPh sb="6" eb="8">
      <t>レンケイ</t>
    </rPh>
    <rPh sb="8" eb="10">
      <t>カサン</t>
    </rPh>
    <phoneticPr fontId="1"/>
  </si>
  <si>
    <t>ADL維持等加算〔申出〕の有無</t>
    <rPh sb="3" eb="5">
      <t>イジ</t>
    </rPh>
    <rPh sb="5" eb="6">
      <t>トウ</t>
    </rPh>
    <rPh sb="6" eb="8">
      <t>カサン</t>
    </rPh>
    <rPh sb="9" eb="11">
      <t>モウシデ</t>
    </rPh>
    <rPh sb="13" eb="15">
      <t>ウム</t>
    </rPh>
    <phoneticPr fontId="1"/>
  </si>
  <si>
    <t>・（別紙19）ADL維持等加算に係る届出書</t>
    <rPh sb="2" eb="4">
      <t>ベッシ</t>
    </rPh>
    <rPh sb="10" eb="12">
      <t>イジ</t>
    </rPh>
    <rPh sb="12" eb="13">
      <t>トウ</t>
    </rPh>
    <rPh sb="13" eb="15">
      <t>カサン</t>
    </rPh>
    <rPh sb="16" eb="17">
      <t>カカ</t>
    </rPh>
    <rPh sb="18" eb="21">
      <t>トドケデショ</t>
    </rPh>
    <phoneticPr fontId="1"/>
  </si>
  <si>
    <t>認知症加算</t>
    <rPh sb="0" eb="3">
      <t>ニンチショウ</t>
    </rPh>
    <rPh sb="3" eb="5">
      <t>カサン</t>
    </rPh>
    <phoneticPr fontId="1"/>
  </si>
  <si>
    <t>若年性認知症利用者受入加算</t>
    <rPh sb="0" eb="3">
      <t>ジャクネンセイ</t>
    </rPh>
    <rPh sb="3" eb="6">
      <t>ニンチショウ</t>
    </rPh>
    <rPh sb="6" eb="9">
      <t>リヨウシャ</t>
    </rPh>
    <rPh sb="9" eb="11">
      <t>ウケイレ</t>
    </rPh>
    <rPh sb="11" eb="13">
      <t>カサン</t>
    </rPh>
    <phoneticPr fontId="1"/>
  </si>
  <si>
    <t>不要
※認知症加算を算定している場合は算定不可</t>
    <rPh sb="0" eb="2">
      <t>フヨウ</t>
    </rPh>
    <rPh sb="4" eb="7">
      <t>ニンチショウ</t>
    </rPh>
    <rPh sb="7" eb="9">
      <t>カサン</t>
    </rPh>
    <rPh sb="10" eb="12">
      <t>サンテイ</t>
    </rPh>
    <rPh sb="16" eb="18">
      <t>バアイ</t>
    </rPh>
    <rPh sb="19" eb="21">
      <t>サンテイ</t>
    </rPh>
    <rPh sb="21" eb="23">
      <t>フカ</t>
    </rPh>
    <phoneticPr fontId="1"/>
  </si>
  <si>
    <t>地域密着型通所介護</t>
    <rPh sb="0" eb="2">
      <t>チイキ</t>
    </rPh>
    <rPh sb="2" eb="5">
      <t>ミッチャクガタ</t>
    </rPh>
    <rPh sb="5" eb="7">
      <t>ツウショ</t>
    </rPh>
    <rPh sb="7" eb="9">
      <t>カイゴ</t>
    </rPh>
    <phoneticPr fontId="1"/>
  </si>
  <si>
    <t>認知症対応型通所介護</t>
    <rPh sb="0" eb="2">
      <t>ニンチ</t>
    </rPh>
    <rPh sb="2" eb="3">
      <t>ショウ</t>
    </rPh>
    <rPh sb="3" eb="5">
      <t>タイオウ</t>
    </rPh>
    <rPh sb="5" eb="6">
      <t>ガタ</t>
    </rPh>
    <rPh sb="6" eb="8">
      <t>ツウショ</t>
    </rPh>
    <rPh sb="8" eb="10">
      <t>カイゴ</t>
    </rPh>
    <phoneticPr fontId="1"/>
  </si>
  <si>
    <t>・運営規程（8～9時間のサービス提供が必要）</t>
    <rPh sb="1" eb="3">
      <t>ウンエイ</t>
    </rPh>
    <rPh sb="3" eb="5">
      <t>キテイ</t>
    </rPh>
    <rPh sb="9" eb="11">
      <t>ジカン</t>
    </rPh>
    <rPh sb="16" eb="18">
      <t>テイキョウ</t>
    </rPh>
    <rPh sb="19" eb="21">
      <t>ヒツヨウ</t>
    </rPh>
    <phoneticPr fontId="1"/>
  </si>
  <si>
    <t>個別機能訓練体制</t>
    <rPh sb="0" eb="2">
      <t>コベツ</t>
    </rPh>
    <rPh sb="2" eb="4">
      <t>キノウ</t>
    </rPh>
    <rPh sb="4" eb="6">
      <t>クンレン</t>
    </rPh>
    <rPh sb="6" eb="8">
      <t>タイセイ</t>
    </rPh>
    <phoneticPr fontId="1"/>
  </si>
  <si>
    <t>小規模多機能型居宅介護</t>
    <rPh sb="0" eb="3">
      <t>ショウキボ</t>
    </rPh>
    <rPh sb="3" eb="7">
      <t>タキノウガタ</t>
    </rPh>
    <rPh sb="7" eb="9">
      <t>キョタク</t>
    </rPh>
    <rPh sb="9" eb="11">
      <t>カイゴ</t>
    </rPh>
    <phoneticPr fontId="1"/>
  </si>
  <si>
    <t>看護職員配置加算</t>
    <rPh sb="0" eb="2">
      <t>カンゴ</t>
    </rPh>
    <rPh sb="2" eb="4">
      <t>ショクイン</t>
    </rPh>
    <rPh sb="4" eb="6">
      <t>ハイチ</t>
    </rPh>
    <rPh sb="6" eb="8">
      <t>カサン</t>
    </rPh>
    <phoneticPr fontId="1"/>
  </si>
  <si>
    <t>看取り連携体制加算</t>
    <rPh sb="0" eb="2">
      <t>ミト</t>
    </rPh>
    <rPh sb="3" eb="5">
      <t>レンケイ</t>
    </rPh>
    <rPh sb="5" eb="7">
      <t>タイセイ</t>
    </rPh>
    <rPh sb="7" eb="9">
      <t>カサン</t>
    </rPh>
    <phoneticPr fontId="1"/>
  </si>
  <si>
    <t>・24時間連絡可能であることがわかる書類（重要事項説明書や利用者への連絡文書等）
・看取りに関する指針
※看護職員配置加算（Ⅰ）を算定していない場合は算定不可</t>
    <rPh sb="3" eb="5">
      <t>ジカン</t>
    </rPh>
    <rPh sb="5" eb="7">
      <t>レンラク</t>
    </rPh>
    <rPh sb="7" eb="9">
      <t>カノウ</t>
    </rPh>
    <rPh sb="18" eb="20">
      <t>ショルイ</t>
    </rPh>
    <rPh sb="21" eb="23">
      <t>ジュウヨウ</t>
    </rPh>
    <rPh sb="23" eb="25">
      <t>ジコウ</t>
    </rPh>
    <rPh sb="25" eb="28">
      <t>セツメイショ</t>
    </rPh>
    <rPh sb="29" eb="32">
      <t>リヨウシャ</t>
    </rPh>
    <rPh sb="34" eb="36">
      <t>レンラク</t>
    </rPh>
    <rPh sb="36" eb="38">
      <t>ブンショ</t>
    </rPh>
    <rPh sb="38" eb="39">
      <t>トウ</t>
    </rPh>
    <rPh sb="42" eb="44">
      <t>ミト</t>
    </rPh>
    <rPh sb="46" eb="47">
      <t>カン</t>
    </rPh>
    <rPh sb="49" eb="51">
      <t>シシン</t>
    </rPh>
    <rPh sb="53" eb="55">
      <t>カンゴ</t>
    </rPh>
    <rPh sb="55" eb="57">
      <t>ショクイン</t>
    </rPh>
    <rPh sb="57" eb="59">
      <t>ハイチ</t>
    </rPh>
    <rPh sb="59" eb="61">
      <t>カサン</t>
    </rPh>
    <rPh sb="65" eb="67">
      <t>サンテイ</t>
    </rPh>
    <rPh sb="72" eb="74">
      <t>バアイ</t>
    </rPh>
    <rPh sb="75" eb="77">
      <t>サンテイ</t>
    </rPh>
    <rPh sb="77" eb="79">
      <t>フカ</t>
    </rPh>
    <phoneticPr fontId="1"/>
  </si>
  <si>
    <t>訪問体制強化加算</t>
    <rPh sb="0" eb="2">
      <t>ホウモン</t>
    </rPh>
    <rPh sb="2" eb="4">
      <t>タイセイ</t>
    </rPh>
    <rPh sb="4" eb="6">
      <t>キョウカ</t>
    </rPh>
    <rPh sb="6" eb="8">
      <t>カサン</t>
    </rPh>
    <phoneticPr fontId="1"/>
  </si>
  <si>
    <t>夜間勤務条件基準</t>
    <rPh sb="0" eb="2">
      <t>ヤカン</t>
    </rPh>
    <rPh sb="2" eb="4">
      <t>キンム</t>
    </rPh>
    <rPh sb="4" eb="6">
      <t>ジョウケン</t>
    </rPh>
    <rPh sb="6" eb="8">
      <t>キジュン</t>
    </rPh>
    <phoneticPr fontId="1"/>
  </si>
  <si>
    <t>身体拘束廃止取組の有無</t>
    <rPh sb="0" eb="2">
      <t>シンタイ</t>
    </rPh>
    <rPh sb="2" eb="4">
      <t>コウソク</t>
    </rPh>
    <rPh sb="4" eb="6">
      <t>ハイシ</t>
    </rPh>
    <rPh sb="6" eb="8">
      <t>トリクミ</t>
    </rPh>
    <rPh sb="9" eb="11">
      <t>ウム</t>
    </rPh>
    <phoneticPr fontId="1"/>
  </si>
  <si>
    <t>夜間支援体制加算</t>
    <rPh sb="0" eb="2">
      <t>ヤカン</t>
    </rPh>
    <rPh sb="2" eb="4">
      <t>シエン</t>
    </rPh>
    <rPh sb="4" eb="6">
      <t>タイセイ</t>
    </rPh>
    <rPh sb="6" eb="8">
      <t>カサン</t>
    </rPh>
    <phoneticPr fontId="1"/>
  </si>
  <si>
    <t>若年性認知症入居者受入加算</t>
    <rPh sb="0" eb="3">
      <t>ジャクネンセイ</t>
    </rPh>
    <rPh sb="3" eb="6">
      <t>ニンチショウ</t>
    </rPh>
    <rPh sb="6" eb="9">
      <t>ニュウキョシャ</t>
    </rPh>
    <rPh sb="9" eb="11">
      <t>ウケイレ</t>
    </rPh>
    <rPh sb="11" eb="13">
      <t>カサン</t>
    </rPh>
    <phoneticPr fontId="1"/>
  </si>
  <si>
    <t>利用者の入院期間中の体制</t>
    <rPh sb="0" eb="3">
      <t>リヨウシャ</t>
    </rPh>
    <rPh sb="4" eb="6">
      <t>ニュウイン</t>
    </rPh>
    <rPh sb="6" eb="9">
      <t>キカンチュウ</t>
    </rPh>
    <rPh sb="10" eb="12">
      <t>タイセイ</t>
    </rPh>
    <phoneticPr fontId="1"/>
  </si>
  <si>
    <t>看取り介護加算</t>
    <rPh sb="0" eb="2">
      <t>ミト</t>
    </rPh>
    <rPh sb="3" eb="5">
      <t>カイゴ</t>
    </rPh>
    <rPh sb="5" eb="7">
      <t>カサン</t>
    </rPh>
    <phoneticPr fontId="1"/>
  </si>
  <si>
    <t>・看取りに関する指針</t>
    <rPh sb="1" eb="3">
      <t>ミト</t>
    </rPh>
    <rPh sb="5" eb="6">
      <t>カン</t>
    </rPh>
    <rPh sb="8" eb="10">
      <t>シシン</t>
    </rPh>
    <phoneticPr fontId="1"/>
  </si>
  <si>
    <t>認知症対応型共同生活介護</t>
    <rPh sb="0" eb="2">
      <t>ニンチ</t>
    </rPh>
    <rPh sb="2" eb="3">
      <t>ショウ</t>
    </rPh>
    <rPh sb="3" eb="6">
      <t>タイオウガタ</t>
    </rPh>
    <rPh sb="6" eb="8">
      <t>キョウドウ</t>
    </rPh>
    <rPh sb="8" eb="10">
      <t>セイカツ</t>
    </rPh>
    <rPh sb="10" eb="12">
      <t>カイゴ</t>
    </rPh>
    <phoneticPr fontId="1"/>
  </si>
  <si>
    <t>認知症専門ケア加算</t>
    <rPh sb="0" eb="3">
      <t>ニンチショウ</t>
    </rPh>
    <rPh sb="3" eb="5">
      <t>センモン</t>
    </rPh>
    <rPh sb="7" eb="9">
      <t>カサン</t>
    </rPh>
    <phoneticPr fontId="1"/>
  </si>
  <si>
    <t>入居継続支援加算</t>
    <rPh sb="0" eb="2">
      <t>ニュウキョ</t>
    </rPh>
    <rPh sb="2" eb="4">
      <t>ケイゾク</t>
    </rPh>
    <rPh sb="4" eb="6">
      <t>シエン</t>
    </rPh>
    <rPh sb="6" eb="8">
      <t>カサン</t>
    </rPh>
    <phoneticPr fontId="1"/>
  </si>
  <si>
    <t>夜間介護体制</t>
    <rPh sb="0" eb="2">
      <t>ヤカン</t>
    </rPh>
    <rPh sb="2" eb="4">
      <t>カイゴ</t>
    </rPh>
    <rPh sb="4" eb="6">
      <t>タイセイ</t>
    </rPh>
    <phoneticPr fontId="1"/>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1"/>
  </si>
  <si>
    <t>ユニットケア体制</t>
    <rPh sb="6" eb="8">
      <t>タイセイ</t>
    </rPh>
    <phoneticPr fontId="1"/>
  </si>
  <si>
    <t>日常生活継続支援加算</t>
    <rPh sb="0" eb="2">
      <t>ニチジョウ</t>
    </rPh>
    <rPh sb="2" eb="4">
      <t>セイカツ</t>
    </rPh>
    <rPh sb="4" eb="6">
      <t>ケイゾク</t>
    </rPh>
    <rPh sb="6" eb="8">
      <t>シエン</t>
    </rPh>
    <rPh sb="8" eb="10">
      <t>カサン</t>
    </rPh>
    <phoneticPr fontId="1"/>
  </si>
  <si>
    <t>看護体制加算</t>
    <rPh sb="0" eb="2">
      <t>カンゴ</t>
    </rPh>
    <rPh sb="2" eb="4">
      <t>タイセイ</t>
    </rPh>
    <rPh sb="4" eb="6">
      <t>カサン</t>
    </rPh>
    <phoneticPr fontId="1"/>
  </si>
  <si>
    <t>夜勤職員配置加算</t>
    <rPh sb="0" eb="2">
      <t>ヤキン</t>
    </rPh>
    <rPh sb="2" eb="4">
      <t>ショクイン</t>
    </rPh>
    <rPh sb="4" eb="6">
      <t>ハイチ</t>
    </rPh>
    <rPh sb="6" eb="8">
      <t>カサン</t>
    </rPh>
    <phoneticPr fontId="1"/>
  </si>
  <si>
    <t>準ユニットケア体制</t>
    <rPh sb="0" eb="1">
      <t>ジュン</t>
    </rPh>
    <rPh sb="7" eb="9">
      <t>タイセイ</t>
    </rPh>
    <phoneticPr fontId="1"/>
  </si>
  <si>
    <t>常勤専従医師配置</t>
    <rPh sb="0" eb="2">
      <t>ジョウキン</t>
    </rPh>
    <rPh sb="2" eb="4">
      <t>センジュウ</t>
    </rPh>
    <rPh sb="4" eb="6">
      <t>イシ</t>
    </rPh>
    <rPh sb="6" eb="8">
      <t>ハイチ</t>
    </rPh>
    <phoneticPr fontId="1"/>
  </si>
  <si>
    <t>精神科医師定期的療養指導</t>
    <rPh sb="0" eb="2">
      <t>セイシン</t>
    </rPh>
    <rPh sb="2" eb="3">
      <t>カ</t>
    </rPh>
    <rPh sb="3" eb="5">
      <t>イシ</t>
    </rPh>
    <rPh sb="5" eb="8">
      <t>テイキテキ</t>
    </rPh>
    <rPh sb="8" eb="10">
      <t>リョウヨウ</t>
    </rPh>
    <rPh sb="10" eb="12">
      <t>シドウ</t>
    </rPh>
    <phoneticPr fontId="1"/>
  </si>
  <si>
    <t>障害者生活支援体制</t>
    <rPh sb="0" eb="3">
      <t>ショウガイシャ</t>
    </rPh>
    <rPh sb="3" eb="5">
      <t>セイカツ</t>
    </rPh>
    <rPh sb="5" eb="7">
      <t>シエン</t>
    </rPh>
    <rPh sb="7" eb="9">
      <t>タイセイ</t>
    </rPh>
    <phoneticPr fontId="1"/>
  </si>
  <si>
    <t>・身体拘束等の適正化のための指針
・【減算型→基準型】身体的拘束廃止取組未実施に対する改善計画書</t>
    <rPh sb="1" eb="3">
      <t>シンタイ</t>
    </rPh>
    <rPh sb="3" eb="5">
      <t>コウソク</t>
    </rPh>
    <rPh sb="5" eb="6">
      <t>トウ</t>
    </rPh>
    <rPh sb="7" eb="10">
      <t>テキセイカ</t>
    </rPh>
    <rPh sb="14" eb="16">
      <t>シシン</t>
    </rPh>
    <rPh sb="19" eb="21">
      <t>ゲンサン</t>
    </rPh>
    <rPh sb="21" eb="22">
      <t>ガタ</t>
    </rPh>
    <rPh sb="23" eb="25">
      <t>キジュン</t>
    </rPh>
    <rPh sb="25" eb="26">
      <t>ガタ</t>
    </rPh>
    <rPh sb="27" eb="30">
      <t>シンタイテキ</t>
    </rPh>
    <rPh sb="30" eb="32">
      <t>コウソク</t>
    </rPh>
    <rPh sb="32" eb="34">
      <t>ハイシ</t>
    </rPh>
    <rPh sb="34" eb="36">
      <t>トリクミ</t>
    </rPh>
    <rPh sb="36" eb="39">
      <t>ミジッシ</t>
    </rPh>
    <rPh sb="40" eb="41">
      <t>タイ</t>
    </rPh>
    <rPh sb="43" eb="45">
      <t>カイゼン</t>
    </rPh>
    <rPh sb="45" eb="48">
      <t>ケイカクショ</t>
    </rPh>
    <phoneticPr fontId="1"/>
  </si>
  <si>
    <t>療養殖加算</t>
    <rPh sb="0" eb="1">
      <t>リョウ</t>
    </rPh>
    <rPh sb="1" eb="3">
      <t>ヨウショク</t>
    </rPh>
    <rPh sb="3" eb="5">
      <t>カサン</t>
    </rPh>
    <phoneticPr fontId="1"/>
  </si>
  <si>
    <t>配置医師緊急時対応加算</t>
    <rPh sb="0" eb="2">
      <t>ハイチ</t>
    </rPh>
    <rPh sb="2" eb="4">
      <t>イシ</t>
    </rPh>
    <rPh sb="4" eb="7">
      <t>キンキュウジ</t>
    </rPh>
    <rPh sb="7" eb="9">
      <t>タイオウ</t>
    </rPh>
    <rPh sb="9" eb="11">
      <t>カサン</t>
    </rPh>
    <phoneticPr fontId="1"/>
  </si>
  <si>
    <t>・（別紙21）配置医師緊急時対応加算に係る届出書</t>
    <rPh sb="2" eb="4">
      <t>ベッシ</t>
    </rPh>
    <rPh sb="7" eb="9">
      <t>ハイチ</t>
    </rPh>
    <rPh sb="9" eb="11">
      <t>イシ</t>
    </rPh>
    <rPh sb="11" eb="14">
      <t>キンキュウジ</t>
    </rPh>
    <rPh sb="14" eb="16">
      <t>タイオウ</t>
    </rPh>
    <rPh sb="16" eb="18">
      <t>カサン</t>
    </rPh>
    <rPh sb="19" eb="20">
      <t>カカ</t>
    </rPh>
    <rPh sb="21" eb="24">
      <t>トドケデショ</t>
    </rPh>
    <phoneticPr fontId="1"/>
  </si>
  <si>
    <t>看取り介護体制</t>
    <rPh sb="0" eb="2">
      <t>ミト</t>
    </rPh>
    <rPh sb="3" eb="5">
      <t>カイゴ</t>
    </rPh>
    <rPh sb="5" eb="7">
      <t>タイセイ</t>
    </rPh>
    <phoneticPr fontId="1"/>
  </si>
  <si>
    <t>在宅・入所相互利用体制</t>
    <rPh sb="0" eb="2">
      <t>ザイタク</t>
    </rPh>
    <rPh sb="3" eb="5">
      <t>ニュウショ</t>
    </rPh>
    <rPh sb="5" eb="7">
      <t>ソウゴ</t>
    </rPh>
    <rPh sb="7" eb="9">
      <t>リヨウ</t>
    </rPh>
    <rPh sb="9" eb="11">
      <t>タイセイ</t>
    </rPh>
    <phoneticPr fontId="1"/>
  </si>
  <si>
    <t>小規模拠点集合体制</t>
    <rPh sb="0" eb="3">
      <t>ショウキボ</t>
    </rPh>
    <rPh sb="3" eb="5">
      <t>キョテン</t>
    </rPh>
    <rPh sb="5" eb="7">
      <t>シュウゴウ</t>
    </rPh>
    <rPh sb="7" eb="9">
      <t>タイセイ</t>
    </rPh>
    <phoneticPr fontId="1"/>
  </si>
  <si>
    <t>褥瘡マネジメント加算</t>
    <rPh sb="0" eb="2">
      <t>ジョクソウ</t>
    </rPh>
    <rPh sb="8" eb="10">
      <t>カサン</t>
    </rPh>
    <phoneticPr fontId="1"/>
  </si>
  <si>
    <t>・（別紙23）褥瘡マネジメントに関する届出書</t>
    <rPh sb="2" eb="4">
      <t>ベッシ</t>
    </rPh>
    <rPh sb="7" eb="9">
      <t>ジョクソウ</t>
    </rPh>
    <rPh sb="16" eb="17">
      <t>カン</t>
    </rPh>
    <rPh sb="19" eb="22">
      <t>トドケデショ</t>
    </rPh>
    <phoneticPr fontId="1"/>
  </si>
  <si>
    <t>看護小規模多機能型居宅介護（複合型サービス）</t>
    <phoneticPr fontId="1"/>
  </si>
  <si>
    <t>訪問看護体制減算</t>
    <rPh sb="0" eb="2">
      <t>ホウモン</t>
    </rPh>
    <rPh sb="2" eb="4">
      <t>カンゴ</t>
    </rPh>
    <rPh sb="4" eb="6">
      <t>タイセイ</t>
    </rPh>
    <rPh sb="6" eb="8">
      <t>ゲンサン</t>
    </rPh>
    <phoneticPr fontId="1"/>
  </si>
  <si>
    <t>サテライト体制</t>
    <rPh sb="5" eb="7">
      <t>タイセイ</t>
    </rPh>
    <phoneticPr fontId="1"/>
  </si>
  <si>
    <t>・（別紙8）緊急時訪問看護加算・特別管理体制・ターミナルケア体制に係る届出書</t>
    <phoneticPr fontId="1"/>
  </si>
  <si>
    <t>看護体制強化加算</t>
    <rPh sb="0" eb="2">
      <t>カンゴ</t>
    </rPh>
    <rPh sb="2" eb="4">
      <t>タイセイ</t>
    </rPh>
    <rPh sb="4" eb="6">
      <t>キョウカ</t>
    </rPh>
    <rPh sb="6" eb="8">
      <t>カサン</t>
    </rPh>
    <phoneticPr fontId="1"/>
  </si>
  <si>
    <t>中山間地域における小規模事業所加算</t>
    <rPh sb="0" eb="1">
      <t>チュウ</t>
    </rPh>
    <rPh sb="1" eb="3">
      <t>サンカン</t>
    </rPh>
    <rPh sb="3" eb="5">
      <t>チイキ</t>
    </rPh>
    <rPh sb="9" eb="12">
      <t>ショウキボ</t>
    </rPh>
    <rPh sb="12" eb="15">
      <t>ジギョウショ</t>
    </rPh>
    <rPh sb="15" eb="17">
      <t>カサン</t>
    </rPh>
    <phoneticPr fontId="1"/>
  </si>
  <si>
    <t>介護職員等特定処遇改善加算</t>
    <rPh sb="0" eb="2">
      <t>カイゴ</t>
    </rPh>
    <rPh sb="2" eb="4">
      <t>ショクイン</t>
    </rPh>
    <rPh sb="4" eb="5">
      <t>トウ</t>
    </rPh>
    <rPh sb="5" eb="7">
      <t>トクテイ</t>
    </rPh>
    <rPh sb="7" eb="9">
      <t>ショグウ</t>
    </rPh>
    <rPh sb="9" eb="11">
      <t>カイゼン</t>
    </rPh>
    <rPh sb="11" eb="13">
      <t>カサン</t>
    </rPh>
    <phoneticPr fontId="1"/>
  </si>
  <si>
    <t>・（別紙8）緊急時訪問看護加算・特別管理体制・ターミナルケア体制に係る届出書
・２４時間連絡可能であることがわかる書類（重要事項説明書や利用者への連絡文書等）</t>
    <rPh sb="2" eb="4">
      <t>ベッシ</t>
    </rPh>
    <rPh sb="6" eb="9">
      <t>キンキュウジ</t>
    </rPh>
    <rPh sb="9" eb="11">
      <t>ホウモン</t>
    </rPh>
    <rPh sb="11" eb="13">
      <t>カンゴ</t>
    </rPh>
    <rPh sb="13" eb="15">
      <t>カサン</t>
    </rPh>
    <rPh sb="16" eb="18">
      <t>トクベツ</t>
    </rPh>
    <rPh sb="18" eb="20">
      <t>カンリ</t>
    </rPh>
    <rPh sb="20" eb="22">
      <t>タイセイ</t>
    </rPh>
    <rPh sb="30" eb="32">
      <t>タイセイ</t>
    </rPh>
    <rPh sb="33" eb="34">
      <t>カカ</t>
    </rPh>
    <rPh sb="35" eb="38">
      <t>トドケデショ</t>
    </rPh>
    <phoneticPr fontId="1"/>
  </si>
  <si>
    <t>感染症又は災害の発生を理由とする利用者数の減少が一定以上生じている場合の対応</t>
    <rPh sb="0" eb="3">
      <t>カンセンショウ</t>
    </rPh>
    <rPh sb="3" eb="4">
      <t>マタ</t>
    </rPh>
    <rPh sb="5" eb="7">
      <t>サイガイ</t>
    </rPh>
    <rPh sb="8" eb="10">
      <t>ハッセイ</t>
    </rPh>
    <rPh sb="11" eb="13">
      <t>リユウ</t>
    </rPh>
    <rPh sb="16" eb="18">
      <t>リヨウ</t>
    </rPh>
    <rPh sb="18" eb="19">
      <t>シャ</t>
    </rPh>
    <rPh sb="19" eb="20">
      <t>スウ</t>
    </rPh>
    <rPh sb="21" eb="23">
      <t>ゲンショウ</t>
    </rPh>
    <rPh sb="24" eb="26">
      <t>イッテイ</t>
    </rPh>
    <rPh sb="26" eb="28">
      <t>イジョウ</t>
    </rPh>
    <rPh sb="28" eb="29">
      <t>ショウ</t>
    </rPh>
    <rPh sb="33" eb="35">
      <t>バアイ</t>
    </rPh>
    <rPh sb="36" eb="38">
      <t>タイオウ</t>
    </rPh>
    <phoneticPr fontId="1"/>
  </si>
  <si>
    <t>入浴介助加算</t>
    <rPh sb="0" eb="2">
      <t>ニュウヨク</t>
    </rPh>
    <rPh sb="2" eb="4">
      <t>カイジョ</t>
    </rPh>
    <rPh sb="4" eb="6">
      <t>カサン</t>
    </rPh>
    <phoneticPr fontId="1"/>
  </si>
  <si>
    <t>栄養アセスメント・栄養改善加算</t>
    <rPh sb="0" eb="2">
      <t>エイヨウ</t>
    </rPh>
    <phoneticPr fontId="1"/>
  </si>
  <si>
    <t>口腔機能向上加算</t>
    <rPh sb="0" eb="2">
      <t>コウクウ</t>
    </rPh>
    <rPh sb="2" eb="4">
      <t>キノウ</t>
    </rPh>
    <rPh sb="4" eb="6">
      <t>コウジョウ</t>
    </rPh>
    <rPh sb="6" eb="8">
      <t>カサン</t>
    </rPh>
    <phoneticPr fontId="1"/>
  </si>
  <si>
    <t>科学的介護推進体制加算</t>
    <rPh sb="0" eb="3">
      <t>カガクテキ</t>
    </rPh>
    <rPh sb="3" eb="5">
      <t>カイゴ</t>
    </rPh>
    <rPh sb="5" eb="7">
      <t>スイシン</t>
    </rPh>
    <rPh sb="7" eb="9">
      <t>タイセイ</t>
    </rPh>
    <rPh sb="9" eb="11">
      <t>カサン</t>
    </rPh>
    <phoneticPr fontId="1"/>
  </si>
  <si>
    <t>※介護職員処遇改善加算等のホームページをご参照ください。</t>
    <rPh sb="1" eb="3">
      <t>カイゴ</t>
    </rPh>
    <rPh sb="3" eb="5">
      <t>ショクイン</t>
    </rPh>
    <rPh sb="5" eb="7">
      <t>ショグウ</t>
    </rPh>
    <rPh sb="7" eb="9">
      <t>カイゼン</t>
    </rPh>
    <rPh sb="9" eb="11">
      <t>カサン</t>
    </rPh>
    <rPh sb="11" eb="12">
      <t>トウ</t>
    </rPh>
    <rPh sb="21" eb="23">
      <t>サンショウ</t>
    </rPh>
    <phoneticPr fontId="1"/>
  </si>
  <si>
    <t>夜間対応型訪問介護</t>
    <phoneticPr fontId="1"/>
  </si>
  <si>
    <t>・（参考様式７）認知症専門ケア体制に関する届出書
・利用者のうち認知症高齢者日常生活自立度のランクⅢ、ⅣまたはMの割合を記載した書類</t>
    <rPh sb="2" eb="4">
      <t>サンコウ</t>
    </rPh>
    <rPh sb="4" eb="6">
      <t>ヨウシキ</t>
    </rPh>
    <rPh sb="8" eb="11">
      <t>ニンチショウ</t>
    </rPh>
    <rPh sb="11" eb="13">
      <t>センモン</t>
    </rPh>
    <rPh sb="15" eb="17">
      <t>タイセイ</t>
    </rPh>
    <rPh sb="18" eb="19">
      <t>カン</t>
    </rPh>
    <rPh sb="21" eb="24">
      <t>トドケデショ</t>
    </rPh>
    <rPh sb="26" eb="29">
      <t>リヨウシャ</t>
    </rPh>
    <rPh sb="32" eb="35">
      <t>ニンチショウ</t>
    </rPh>
    <rPh sb="35" eb="38">
      <t>コウレイシャ</t>
    </rPh>
    <rPh sb="38" eb="40">
      <t>ニチジョウ</t>
    </rPh>
    <rPh sb="40" eb="42">
      <t>セイカツ</t>
    </rPh>
    <rPh sb="42" eb="45">
      <t>ジリツド</t>
    </rPh>
    <rPh sb="57" eb="59">
      <t>ワリアイ</t>
    </rPh>
    <rPh sb="60" eb="62">
      <t>キサイ</t>
    </rPh>
    <rPh sb="64" eb="66">
      <t>ショルイ</t>
    </rPh>
    <phoneticPr fontId="1"/>
  </si>
  <si>
    <t>※要件を満たす根拠書類を準備し、市から求めがあった際は、速やかに提出してください。</t>
    <rPh sb="1" eb="3">
      <t>ヨウケン</t>
    </rPh>
    <rPh sb="4" eb="5">
      <t>ミ</t>
    </rPh>
    <rPh sb="7" eb="9">
      <t>コンキョ</t>
    </rPh>
    <rPh sb="9" eb="11">
      <t>ショルイ</t>
    </rPh>
    <rPh sb="12" eb="14">
      <t>ジュンビ</t>
    </rPh>
    <rPh sb="16" eb="17">
      <t>シ</t>
    </rPh>
    <rPh sb="19" eb="20">
      <t>モト</t>
    </rPh>
    <rPh sb="25" eb="26">
      <t>サイ</t>
    </rPh>
    <rPh sb="28" eb="29">
      <t>スミ</t>
    </rPh>
    <rPh sb="32" eb="34">
      <t>テイシュツ</t>
    </rPh>
    <phoneticPr fontId="1"/>
  </si>
  <si>
    <t>・（別紙６）平面図
※事業所の状況がわかるもので代替可能</t>
    <rPh sb="6" eb="9">
      <t>ヘイメンズ</t>
    </rPh>
    <rPh sb="11" eb="14">
      <t>ジギョウショ</t>
    </rPh>
    <rPh sb="15" eb="17">
      <t>ジョウキョウ</t>
    </rPh>
    <rPh sb="24" eb="26">
      <t>ダイタイ</t>
    </rPh>
    <rPh sb="26" eb="28">
      <t>カノウ</t>
    </rPh>
    <phoneticPr fontId="1"/>
  </si>
  <si>
    <t>感染症又は災害の発生を理由とする通所介護等の介護報酬による評価　届出様式</t>
    <phoneticPr fontId="1"/>
  </si>
  <si>
    <t>ADL維持等加算Ⅲ</t>
    <rPh sb="3" eb="5">
      <t>イジ</t>
    </rPh>
    <rPh sb="5" eb="6">
      <t>トウ</t>
    </rPh>
    <rPh sb="6" eb="8">
      <t>カサン</t>
    </rPh>
    <phoneticPr fontId="1"/>
  </si>
  <si>
    <t>不要</t>
    <phoneticPr fontId="1"/>
  </si>
  <si>
    <t>・（別紙12-3）サービス提供体制強化加算に関する届出書
・サービス提供体制強化加算資格要件チェックシート
・該当職員の資格証等（写）</t>
    <phoneticPr fontId="1"/>
  </si>
  <si>
    <t>３ユニットの事業所が夜勤職員を２人以上とする場合</t>
    <rPh sb="6" eb="9">
      <t>ジギョウショ</t>
    </rPh>
    <rPh sb="10" eb="12">
      <t>ヤキン</t>
    </rPh>
    <rPh sb="12" eb="14">
      <t>ショクイン</t>
    </rPh>
    <rPh sb="16" eb="17">
      <t>ニン</t>
    </rPh>
    <rPh sb="17" eb="19">
      <t>イジョウ</t>
    </rPh>
    <rPh sb="22" eb="24">
      <t>バアイ</t>
    </rPh>
    <phoneticPr fontId="1"/>
  </si>
  <si>
    <t>不要</t>
    <rPh sb="0" eb="2">
      <t>フヨウ</t>
    </rPh>
    <phoneticPr fontId="1"/>
  </si>
  <si>
    <t>・看取りに関する指針
・医療連携体制加算を算定していること</t>
    <rPh sb="1" eb="3">
      <t>ミト</t>
    </rPh>
    <rPh sb="5" eb="6">
      <t>カン</t>
    </rPh>
    <rPh sb="8" eb="10">
      <t>シシン</t>
    </rPh>
    <rPh sb="18" eb="20">
      <t>カサン</t>
    </rPh>
    <rPh sb="21" eb="23">
      <t>サンテイ</t>
    </rPh>
    <phoneticPr fontId="1"/>
  </si>
  <si>
    <t>医療連携体制加算</t>
    <rPh sb="0" eb="2">
      <t>イリョウ</t>
    </rPh>
    <rPh sb="2" eb="4">
      <t>レンケイ</t>
    </rPh>
    <rPh sb="4" eb="6">
      <t>タイセイ</t>
    </rPh>
    <rPh sb="6" eb="8">
      <t>カサン</t>
    </rPh>
    <phoneticPr fontId="1"/>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1"/>
  </si>
  <si>
    <t>・（別紙２０）入居継続支援加算に関する届出</t>
    <rPh sb="2" eb="4">
      <t>ベッシ</t>
    </rPh>
    <rPh sb="7" eb="9">
      <t>ニュウキョ</t>
    </rPh>
    <rPh sb="9" eb="11">
      <t>ケイゾク</t>
    </rPh>
    <rPh sb="11" eb="13">
      <t>シエン</t>
    </rPh>
    <rPh sb="13" eb="15">
      <t>カサン</t>
    </rPh>
    <rPh sb="16" eb="17">
      <t>カン</t>
    </rPh>
    <rPh sb="19" eb="21">
      <t>トドケデ</t>
    </rPh>
    <phoneticPr fontId="1"/>
  </si>
  <si>
    <t>・（別紙２０－２）テクノロジーの導入による入居継続支援加算に関する届出書</t>
    <rPh sb="2" eb="4">
      <t>ベッシ</t>
    </rPh>
    <rPh sb="16" eb="18">
      <t>ドウニュウ</t>
    </rPh>
    <rPh sb="21" eb="23">
      <t>ニュウキョ</t>
    </rPh>
    <rPh sb="23" eb="25">
      <t>ケイゾク</t>
    </rPh>
    <rPh sb="25" eb="27">
      <t>シエン</t>
    </rPh>
    <rPh sb="27" eb="29">
      <t>カサン</t>
    </rPh>
    <rPh sb="30" eb="31">
      <t>カン</t>
    </rPh>
    <rPh sb="33" eb="35">
      <t>トドケデ</t>
    </rPh>
    <rPh sb="35" eb="36">
      <t>ショ</t>
    </rPh>
    <phoneticPr fontId="1"/>
  </si>
  <si>
    <t>・（別紙９）夜間介護体制に係る届出書
・24時間連絡可能であることがわかる書類
・重度化した場合の対応に係る指針</t>
    <rPh sb="2" eb="4">
      <t>ベッシ</t>
    </rPh>
    <rPh sb="6" eb="8">
      <t>ヤカン</t>
    </rPh>
    <rPh sb="8" eb="10">
      <t>カイゴ</t>
    </rPh>
    <rPh sb="10" eb="12">
      <t>タイセイ</t>
    </rPh>
    <rPh sb="13" eb="14">
      <t>カカ</t>
    </rPh>
    <rPh sb="15" eb="18">
      <t>トドケデショ</t>
    </rPh>
    <rPh sb="22" eb="24">
      <t>ジカン</t>
    </rPh>
    <rPh sb="24" eb="26">
      <t>レンラク</t>
    </rPh>
    <rPh sb="26" eb="28">
      <t>カノウ</t>
    </rPh>
    <rPh sb="37" eb="39">
      <t>ショルイ</t>
    </rPh>
    <rPh sb="41" eb="44">
      <t>ジュウドカ</t>
    </rPh>
    <rPh sb="46" eb="48">
      <t>バアイ</t>
    </rPh>
    <rPh sb="49" eb="51">
      <t>タイオウ</t>
    </rPh>
    <rPh sb="52" eb="53">
      <t>カカ</t>
    </rPh>
    <rPh sb="54" eb="56">
      <t>シシン</t>
    </rPh>
    <phoneticPr fontId="1"/>
  </si>
  <si>
    <t>栄養ケア・マネジメントの実施の有無</t>
    <rPh sb="0" eb="2">
      <t>エイヨウ</t>
    </rPh>
    <rPh sb="12" eb="14">
      <t>ジッシ</t>
    </rPh>
    <rPh sb="15" eb="17">
      <t>ウム</t>
    </rPh>
    <phoneticPr fontId="1"/>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1"/>
  </si>
  <si>
    <t>・（別紙１６－２）テクノロジーの導入による日常生活継続支援加算に関する届出書</t>
    <rPh sb="2" eb="4">
      <t>ベッシ</t>
    </rPh>
    <rPh sb="16" eb="18">
      <t>ドウニュウ</t>
    </rPh>
    <rPh sb="21" eb="23">
      <t>ニチジョウ</t>
    </rPh>
    <rPh sb="23" eb="25">
      <t>セイカツ</t>
    </rPh>
    <rPh sb="25" eb="27">
      <t>ケイゾク</t>
    </rPh>
    <rPh sb="27" eb="29">
      <t>シエン</t>
    </rPh>
    <rPh sb="29" eb="31">
      <t>カサン</t>
    </rPh>
    <rPh sb="32" eb="33">
      <t>カン</t>
    </rPh>
    <rPh sb="35" eb="38">
      <t>トドケデショ</t>
    </rPh>
    <phoneticPr fontId="1"/>
  </si>
  <si>
    <t>・（参考様式１８）夜勤職員配置加算算定表
・（参考様式５）加算算定開始予定月の夜勤職員配置加算算定表別表</t>
    <rPh sb="2" eb="4">
      <t>サンコウ</t>
    </rPh>
    <rPh sb="4" eb="6">
      <t>ヨウシキ</t>
    </rPh>
    <rPh sb="9" eb="11">
      <t>ヤキン</t>
    </rPh>
    <rPh sb="11" eb="13">
      <t>ショクイン</t>
    </rPh>
    <rPh sb="13" eb="15">
      <t>ハイチ</t>
    </rPh>
    <rPh sb="15" eb="17">
      <t>カサン</t>
    </rPh>
    <rPh sb="17" eb="19">
      <t>サンテイ</t>
    </rPh>
    <rPh sb="19" eb="20">
      <t>ヒョウ</t>
    </rPh>
    <rPh sb="23" eb="25">
      <t>サンコウ</t>
    </rPh>
    <rPh sb="25" eb="27">
      <t>ヨウシキ</t>
    </rPh>
    <rPh sb="29" eb="31">
      <t>カサン</t>
    </rPh>
    <rPh sb="31" eb="33">
      <t>サンテイ</t>
    </rPh>
    <rPh sb="33" eb="35">
      <t>カイシ</t>
    </rPh>
    <rPh sb="35" eb="37">
      <t>ヨテイ</t>
    </rPh>
    <rPh sb="37" eb="38">
      <t>ヅキ</t>
    </rPh>
    <rPh sb="39" eb="41">
      <t>ヤキン</t>
    </rPh>
    <rPh sb="41" eb="43">
      <t>ショクイン</t>
    </rPh>
    <rPh sb="43" eb="45">
      <t>ハイチ</t>
    </rPh>
    <rPh sb="45" eb="47">
      <t>カサン</t>
    </rPh>
    <rPh sb="47" eb="49">
      <t>サンテイ</t>
    </rPh>
    <rPh sb="49" eb="50">
      <t>ヒョウ</t>
    </rPh>
    <rPh sb="50" eb="52">
      <t>ベッピョウ</t>
    </rPh>
    <phoneticPr fontId="1"/>
  </si>
  <si>
    <t>テクノロジーの導入
（夜勤職員配置加算関係）</t>
    <rPh sb="7" eb="9">
      <t>ドウニュウ</t>
    </rPh>
    <rPh sb="11" eb="13">
      <t>ヤキン</t>
    </rPh>
    <rPh sb="13" eb="15">
      <t>ショクイン</t>
    </rPh>
    <rPh sb="15" eb="17">
      <t>ハイチ</t>
    </rPh>
    <rPh sb="17" eb="19">
      <t>カサン</t>
    </rPh>
    <rPh sb="19" eb="21">
      <t>カンケイ</t>
    </rPh>
    <phoneticPr fontId="1"/>
  </si>
  <si>
    <t>・（別添）テクノロジーを導入する場合の夜間の人員配置基準（従来型）に係る届出書</t>
    <rPh sb="2" eb="4">
      <t>ベッテン</t>
    </rPh>
    <rPh sb="12" eb="14">
      <t>ドウニュウ</t>
    </rPh>
    <rPh sb="16" eb="18">
      <t>バアイ</t>
    </rPh>
    <rPh sb="19" eb="21">
      <t>ヤカン</t>
    </rPh>
    <rPh sb="22" eb="24">
      <t>ジンイン</t>
    </rPh>
    <rPh sb="24" eb="26">
      <t>ハイチ</t>
    </rPh>
    <rPh sb="26" eb="28">
      <t>キジュン</t>
    </rPh>
    <rPh sb="29" eb="32">
      <t>ジュウライガタ</t>
    </rPh>
    <rPh sb="34" eb="35">
      <t>カカワ</t>
    </rPh>
    <rPh sb="36" eb="38">
      <t>トドケデ</t>
    </rPh>
    <rPh sb="38" eb="39">
      <t>ショ</t>
    </rPh>
    <phoneticPr fontId="1"/>
  </si>
  <si>
    <t>栄養マネジメント強化体制</t>
    <rPh sb="0" eb="2">
      <t>エイヨウ</t>
    </rPh>
    <rPh sb="8" eb="10">
      <t>キョウカ</t>
    </rPh>
    <rPh sb="10" eb="12">
      <t>タイセイ</t>
    </rPh>
    <phoneticPr fontId="1"/>
  </si>
  <si>
    <t>・（別紙９－４）看取り介護体制に係る届出書
・看取りに関する指針（加算Ⅱの場合）
・（別紙21）配置医師緊急時対応加算に係る届出書</t>
    <rPh sb="2" eb="4">
      <t>ベッシ</t>
    </rPh>
    <rPh sb="8" eb="10">
      <t>ミト</t>
    </rPh>
    <rPh sb="11" eb="13">
      <t>カイゴ</t>
    </rPh>
    <rPh sb="13" eb="15">
      <t>タイセイ</t>
    </rPh>
    <rPh sb="16" eb="17">
      <t>カカ</t>
    </rPh>
    <rPh sb="18" eb="21">
      <t>トドケデショ</t>
    </rPh>
    <rPh sb="23" eb="25">
      <t>ミト</t>
    </rPh>
    <rPh sb="27" eb="28">
      <t>カン</t>
    </rPh>
    <rPh sb="30" eb="32">
      <t>シシン</t>
    </rPh>
    <rPh sb="33" eb="35">
      <t>カサン</t>
    </rPh>
    <rPh sb="37" eb="39">
      <t>バアイ</t>
    </rPh>
    <phoneticPr fontId="1"/>
  </si>
  <si>
    <t>排せつ支援加算</t>
    <rPh sb="0" eb="1">
      <t>ハイ</t>
    </rPh>
    <rPh sb="3" eb="5">
      <t>シエン</t>
    </rPh>
    <rPh sb="5" eb="7">
      <t>カサン</t>
    </rPh>
    <phoneticPr fontId="1"/>
  </si>
  <si>
    <t>自立支援促進加算</t>
    <rPh sb="0" eb="2">
      <t>ジリツ</t>
    </rPh>
    <rPh sb="2" eb="4">
      <t>シエン</t>
    </rPh>
    <rPh sb="4" eb="6">
      <t>ソクシン</t>
    </rPh>
    <rPh sb="6" eb="8">
      <t>カサン</t>
    </rPh>
    <phoneticPr fontId="1"/>
  </si>
  <si>
    <t>安全管理体制（減算）</t>
    <rPh sb="0" eb="2">
      <t>アンゼン</t>
    </rPh>
    <rPh sb="2" eb="4">
      <t>カンリ</t>
    </rPh>
    <rPh sb="4" eb="6">
      <t>タイセイ</t>
    </rPh>
    <rPh sb="7" eb="9">
      <t>ゲンサン</t>
    </rPh>
    <phoneticPr fontId="1"/>
  </si>
  <si>
    <t>安全管理体制（加算）</t>
    <rPh sb="0" eb="2">
      <t>アンゼン</t>
    </rPh>
    <rPh sb="2" eb="4">
      <t>カンリ</t>
    </rPh>
    <rPh sb="4" eb="6">
      <t>タイセイ</t>
    </rPh>
    <rPh sb="7" eb="9">
      <t>カサン</t>
    </rPh>
    <phoneticPr fontId="1"/>
  </si>
  <si>
    <t>・（別紙11）栄養マネジメントに関する届出書</t>
    <phoneticPr fontId="1"/>
  </si>
  <si>
    <t>・（別紙8-3）看護体制及びサテライト体制に係る届出書</t>
    <rPh sb="2" eb="4">
      <t>ベッシ</t>
    </rPh>
    <rPh sb="8" eb="10">
      <t>カンゴ</t>
    </rPh>
    <rPh sb="10" eb="12">
      <t>タイセイ</t>
    </rPh>
    <rPh sb="12" eb="13">
      <t>オヨ</t>
    </rPh>
    <rPh sb="19" eb="21">
      <t>タイセイ</t>
    </rPh>
    <rPh sb="22" eb="23">
      <t>カカワ</t>
    </rPh>
    <rPh sb="24" eb="26">
      <t>トドケデ</t>
    </rPh>
    <rPh sb="26" eb="27">
      <t>ショ</t>
    </rPh>
    <phoneticPr fontId="1"/>
  </si>
  <si>
    <t>不要</t>
    <phoneticPr fontId="1"/>
  </si>
  <si>
    <t>不要</t>
    <phoneticPr fontId="1"/>
  </si>
  <si>
    <t>・（別紙１２）サービス提供体制強化加算に関する届出書
・サービス提供体制強化加算資格要件チェックシート
・該当職員の資格証等（写）
※常勤職員の状況を要件とする場合
・勤務形態一覧表（加算開始予定月のもの）</t>
    <rPh sb="11" eb="13">
      <t>テイキョウ</t>
    </rPh>
    <rPh sb="13" eb="15">
      <t>タイセイ</t>
    </rPh>
    <rPh sb="15" eb="17">
      <t>キョウカ</t>
    </rPh>
    <rPh sb="17" eb="19">
      <t>カサン</t>
    </rPh>
    <rPh sb="20" eb="21">
      <t>カン</t>
    </rPh>
    <rPh sb="23" eb="26">
      <t>トドケデショ</t>
    </rPh>
    <rPh sb="40" eb="42">
      <t>シカク</t>
    </rPh>
    <rPh sb="42" eb="44">
      <t>ヨウケン</t>
    </rPh>
    <rPh sb="53" eb="55">
      <t>ガイトウ</t>
    </rPh>
    <rPh sb="55" eb="57">
      <t>ショクイン</t>
    </rPh>
    <rPh sb="58" eb="60">
      <t>シカク</t>
    </rPh>
    <rPh sb="60" eb="61">
      <t>ショウ</t>
    </rPh>
    <rPh sb="61" eb="62">
      <t>トウ</t>
    </rPh>
    <rPh sb="63" eb="64">
      <t>ウツ</t>
    </rPh>
    <rPh sb="67" eb="69">
      <t>ジョウキン</t>
    </rPh>
    <rPh sb="69" eb="71">
      <t>ショクイン</t>
    </rPh>
    <rPh sb="72" eb="74">
      <t>ジョウキョウ</t>
    </rPh>
    <rPh sb="75" eb="77">
      <t>ヨウケン</t>
    </rPh>
    <rPh sb="80" eb="82">
      <t>バアイ</t>
    </rPh>
    <phoneticPr fontId="1"/>
  </si>
  <si>
    <t>・（別紙１２）サービス提供体制強化加算に関する届出書
・サービス提供体制強化加算資格要件チェックシート
・該当職員の資格証等（写）
※常勤職員の状況を要件とする場合
・勤務形態一覧表（加算開始予定月のもの）</t>
    <phoneticPr fontId="1"/>
  </si>
  <si>
    <t>・（参考様式13）中重度者ケア体制加算算定表
・勤務形態一覧表（加算開始予定月のもの）</t>
    <rPh sb="2" eb="4">
      <t>サンコウ</t>
    </rPh>
    <rPh sb="4" eb="6">
      <t>ヨウシキ</t>
    </rPh>
    <phoneticPr fontId="1"/>
  </si>
  <si>
    <t>・勤務形態一覧表（加算開始予定月のもの）
※共生型通所事業所のみ算定可能
・地域に貢献する活動を行っていることがわかるもの</t>
    <rPh sb="22" eb="25">
      <t>キョウセイガタ</t>
    </rPh>
    <rPh sb="25" eb="27">
      <t>ツウショ</t>
    </rPh>
    <rPh sb="27" eb="30">
      <t>ジギョウショ</t>
    </rPh>
    <rPh sb="32" eb="34">
      <t>サンテイ</t>
    </rPh>
    <rPh sb="34" eb="36">
      <t>カノウ</t>
    </rPh>
    <rPh sb="38" eb="40">
      <t>チイキ</t>
    </rPh>
    <rPh sb="41" eb="43">
      <t>コウケン</t>
    </rPh>
    <rPh sb="45" eb="47">
      <t>カツドウ</t>
    </rPh>
    <rPh sb="48" eb="49">
      <t>オコナ</t>
    </rPh>
    <phoneticPr fontId="1"/>
  </si>
  <si>
    <t>・勤務形態一覧表（加算開始予定月のもの）
・資格を証する書類（写）
・（参考様式2） 経歴書（はり師およびきゅう師の場合のみ）</t>
    <phoneticPr fontId="1"/>
  </si>
  <si>
    <t>・（参考様式14）認知症加算算定表
・勤務形態一覧表（加算開始予定月のもの）
・認知症介護指導者研修、認知症介護実践リーダー研修、認知症介護実践者研修等の修了証（写）</t>
    <rPh sb="2" eb="4">
      <t>サンコウ</t>
    </rPh>
    <rPh sb="4" eb="6">
      <t>ヨウシキ</t>
    </rPh>
    <rPh sb="40" eb="43">
      <t>ニンチショウ</t>
    </rPh>
    <rPh sb="43" eb="45">
      <t>カイゴ</t>
    </rPh>
    <rPh sb="45" eb="48">
      <t>シドウシャ</t>
    </rPh>
    <rPh sb="48" eb="50">
      <t>ケンシュウ</t>
    </rPh>
    <rPh sb="51" eb="54">
      <t>ニンチショウ</t>
    </rPh>
    <rPh sb="54" eb="56">
      <t>カイゴ</t>
    </rPh>
    <rPh sb="56" eb="58">
      <t>ジッセン</t>
    </rPh>
    <rPh sb="62" eb="64">
      <t>ケンシュウ</t>
    </rPh>
    <rPh sb="65" eb="68">
      <t>ニンチショウ</t>
    </rPh>
    <rPh sb="68" eb="70">
      <t>カイゴ</t>
    </rPh>
    <rPh sb="70" eb="73">
      <t>ジッセンシャ</t>
    </rPh>
    <rPh sb="73" eb="76">
      <t>ケンシュウトウ</t>
    </rPh>
    <rPh sb="77" eb="80">
      <t>シュウリョウショウ</t>
    </rPh>
    <rPh sb="81" eb="82">
      <t>ウツ</t>
    </rPh>
    <phoneticPr fontId="1"/>
  </si>
  <si>
    <t>・勤務形態一覧表（加算開始予定月のもの）
・該当職員の資格証等（写）</t>
    <rPh sb="22" eb="24">
      <t>ガイトウ</t>
    </rPh>
    <rPh sb="24" eb="26">
      <t>ショクイン</t>
    </rPh>
    <rPh sb="27" eb="29">
      <t>シカク</t>
    </rPh>
    <rPh sb="29" eb="30">
      <t>ショウ</t>
    </rPh>
    <rPh sb="30" eb="31">
      <t>トウ</t>
    </rPh>
    <rPh sb="32" eb="33">
      <t>シャ</t>
    </rPh>
    <phoneticPr fontId="1"/>
  </si>
  <si>
    <t>・勤務形態一覧表（加算開始予定月のもの）
・該当職員の資格証等（写）</t>
    <phoneticPr fontId="1"/>
  </si>
  <si>
    <t>・（参考様式７）認知症専門ケア体制に関する届出書
・勤務形態一覧表（加算開始予定月のもの）
・利用者のうち認知症高齢者日常生活自立度のランクⅢ、ⅣまたはMの割合を記載した書類</t>
    <rPh sb="2" eb="4">
      <t>サンコウ</t>
    </rPh>
    <rPh sb="4" eb="6">
      <t>ヨウシキ</t>
    </rPh>
    <rPh sb="8" eb="11">
      <t>ニンチショウ</t>
    </rPh>
    <rPh sb="11" eb="13">
      <t>センモン</t>
    </rPh>
    <rPh sb="15" eb="17">
      <t>タイセイ</t>
    </rPh>
    <rPh sb="18" eb="19">
      <t>カン</t>
    </rPh>
    <rPh sb="21" eb="24">
      <t>トドケデショ</t>
    </rPh>
    <rPh sb="47" eb="50">
      <t>リヨウシャ</t>
    </rPh>
    <rPh sb="53" eb="56">
      <t>ニンチショウ</t>
    </rPh>
    <rPh sb="56" eb="59">
      <t>コウレイシャ</t>
    </rPh>
    <rPh sb="59" eb="61">
      <t>ニチジョウ</t>
    </rPh>
    <rPh sb="61" eb="63">
      <t>セイカツ</t>
    </rPh>
    <rPh sb="63" eb="66">
      <t>ジリツド</t>
    </rPh>
    <rPh sb="78" eb="80">
      <t>ワリアイ</t>
    </rPh>
    <rPh sb="81" eb="83">
      <t>キサイ</t>
    </rPh>
    <rPh sb="85" eb="87">
      <t>ショルイ</t>
    </rPh>
    <phoneticPr fontId="1"/>
  </si>
  <si>
    <t>・勤務形態一覧表（加算開始予定月のもの）
・資格を証する書類（写）
・（参考様式2） 経歴書（はり師およびきゅう師の場合のみ）</t>
    <phoneticPr fontId="1"/>
  </si>
  <si>
    <t>・勤務形態一覧表（加算開始予定月のもの）
・資格を証する書類（写）</t>
    <rPh sb="22" eb="24">
      <t>シカク</t>
    </rPh>
    <rPh sb="25" eb="26">
      <t>ショウ</t>
    </rPh>
    <rPh sb="28" eb="30">
      <t>ショルイ</t>
    </rPh>
    <rPh sb="31" eb="32">
      <t>ウツ</t>
    </rPh>
    <phoneticPr fontId="1"/>
  </si>
  <si>
    <t>・勤務形態一覧表（加算開始予定月のもの）
※訪問サービスの提供にあたる者を必ず記載すること</t>
    <rPh sb="22" eb="24">
      <t>ホウモン</t>
    </rPh>
    <rPh sb="29" eb="31">
      <t>テイキョウ</t>
    </rPh>
    <rPh sb="35" eb="36">
      <t>モノ</t>
    </rPh>
    <rPh sb="37" eb="38">
      <t>カナラ</t>
    </rPh>
    <rPh sb="39" eb="41">
      <t>キサイ</t>
    </rPh>
    <phoneticPr fontId="1"/>
  </si>
  <si>
    <t>・（別紙１２－５）サービス提供体制強化加算に関する届出書
・サービス提供体制強化加算資格要件チェックシート
・該当職員の資格証等（写）
※常勤職員の状況を要件とする場合
・勤務形態一覧表（加算開始予定月のもの）</t>
    <phoneticPr fontId="1"/>
  </si>
  <si>
    <t>・勤務形態一覧表（加算開始予定月のもの）</t>
    <phoneticPr fontId="1"/>
  </si>
  <si>
    <t>・勤務形態一覧表（加算開始予定月のもの）
※宿直勤務を配置する場合は、宿直勤務にあたる者も記載すること</t>
    <rPh sb="22" eb="24">
      <t>シュクチョク</t>
    </rPh>
    <rPh sb="24" eb="26">
      <t>キンム</t>
    </rPh>
    <rPh sb="27" eb="29">
      <t>ハイチ</t>
    </rPh>
    <rPh sb="31" eb="33">
      <t>バアイ</t>
    </rPh>
    <rPh sb="35" eb="37">
      <t>シュクチョク</t>
    </rPh>
    <rPh sb="37" eb="39">
      <t>キンム</t>
    </rPh>
    <rPh sb="43" eb="44">
      <t>モノ</t>
    </rPh>
    <rPh sb="45" eb="47">
      <t>キサイ</t>
    </rPh>
    <phoneticPr fontId="1"/>
  </si>
  <si>
    <t>・勤務形態一覧表（加算開始予定月のもの）
・資格を証する書類（写）
・重度化した場合の対応に係る指針
・24時間連絡可能であることがわかる書類
【連携により対応する場合】
・病院、診療所若しくは訪問看護ステーションとの連携がわかる書類</t>
    <rPh sb="22" eb="24">
      <t>シカク</t>
    </rPh>
    <rPh sb="25" eb="26">
      <t>ショウ</t>
    </rPh>
    <rPh sb="28" eb="30">
      <t>ショルイ</t>
    </rPh>
    <rPh sb="31" eb="32">
      <t>ウツ</t>
    </rPh>
    <rPh sb="35" eb="38">
      <t>ジュウドカ</t>
    </rPh>
    <rPh sb="40" eb="42">
      <t>バアイ</t>
    </rPh>
    <rPh sb="43" eb="45">
      <t>タイオウ</t>
    </rPh>
    <rPh sb="46" eb="47">
      <t>カカ</t>
    </rPh>
    <rPh sb="48" eb="50">
      <t>シシン</t>
    </rPh>
    <rPh sb="73" eb="75">
      <t>レンケイ</t>
    </rPh>
    <rPh sb="78" eb="80">
      <t>タイオウ</t>
    </rPh>
    <rPh sb="82" eb="84">
      <t>バアイ</t>
    </rPh>
    <phoneticPr fontId="1"/>
  </si>
  <si>
    <t>・（別紙１２－６）サービス提供体制強化加算に関する届出書
・サービス提供体制強化加算資格要件チェックシート
・該当職員の資格証等（写）
※常勤職員の状況を要件とする場合
・勤務形態一覧表（加算開始予定月のもの）</t>
    <phoneticPr fontId="1"/>
  </si>
  <si>
    <t>・（別紙１２－６）サービス提供体制強化加算に関する届出書
・サービス提供体制強化加算資格要件チェックシート
・該当職員の資格証等（写）
※常勤職員の状況を要件とする場合
・勤務形態一覧表（加算開始予定月のもの）</t>
    <phoneticPr fontId="1"/>
  </si>
  <si>
    <t>・勤務形態一覧表（加算開始予定月のもの）</t>
    <phoneticPr fontId="1"/>
  </si>
  <si>
    <t>・（別紙１６）日常生活継続支援加算に関する届出書
・介護福祉士の資格者証（写）
・勤務形態一覧表（加算開始予定月のもの）
【新規入所者の総数のうち、以下の状態が確認出来るいずれかの書類】
・要介護４，５である入所者の割合が100分の70以上
・日常生活自立度Ⅲ、Ⅳ、Mである入所者の割合が100分の65以上
・社会福祉士及び介護福祉士法施行規則第1条各号に掲げる行為を必要とする者の占める割合が入所者の100分の15以上</t>
    <rPh sb="7" eb="9">
      <t>ニチジョウ</t>
    </rPh>
    <rPh sb="9" eb="11">
      <t>セイカツ</t>
    </rPh>
    <rPh sb="11" eb="13">
      <t>ケイゾク</t>
    </rPh>
    <rPh sb="13" eb="15">
      <t>シエン</t>
    </rPh>
    <rPh sb="15" eb="17">
      <t>カサン</t>
    </rPh>
    <rPh sb="18" eb="19">
      <t>カン</t>
    </rPh>
    <rPh sb="21" eb="24">
      <t>トドケデショ</t>
    </rPh>
    <rPh sb="26" eb="28">
      <t>カイゴ</t>
    </rPh>
    <rPh sb="28" eb="31">
      <t>フクシシ</t>
    </rPh>
    <rPh sb="32" eb="35">
      <t>シカクシャ</t>
    </rPh>
    <rPh sb="35" eb="36">
      <t>ショウ</t>
    </rPh>
    <rPh sb="37" eb="38">
      <t>ウツ</t>
    </rPh>
    <phoneticPr fontId="1"/>
  </si>
  <si>
    <t>・勤務形態一覧表（加算開始予定月のもの）
・資格を証する書類（写）
・（参考様式2） 経歴書（はり師およびきゅう師の場合のみ）</t>
    <phoneticPr fontId="1"/>
  </si>
  <si>
    <t>・（別紙６）平面図
※事業所の状況がわかるもので代替可能
・建具等を配置した居室内の写真
・勤務形態一覧表（加算開始予定月のもの）
・ユニットリーダー研修修了証書（写）</t>
    <rPh sb="2" eb="4">
      <t>ベッシ</t>
    </rPh>
    <rPh sb="6" eb="9">
      <t>ヘイメンズ</t>
    </rPh>
    <rPh sb="11" eb="14">
      <t>ジギョウショ</t>
    </rPh>
    <rPh sb="15" eb="17">
      <t>ジョウキョウ</t>
    </rPh>
    <rPh sb="24" eb="26">
      <t>ダイタイ</t>
    </rPh>
    <rPh sb="26" eb="28">
      <t>カノウ</t>
    </rPh>
    <rPh sb="30" eb="32">
      <t>タテグ</t>
    </rPh>
    <rPh sb="32" eb="33">
      <t>トウ</t>
    </rPh>
    <rPh sb="34" eb="36">
      <t>ハイチ</t>
    </rPh>
    <rPh sb="38" eb="40">
      <t>キョシツ</t>
    </rPh>
    <rPh sb="40" eb="41">
      <t>ナイ</t>
    </rPh>
    <rPh sb="42" eb="44">
      <t>シャシン</t>
    </rPh>
    <rPh sb="75" eb="77">
      <t>ケンシュウ</t>
    </rPh>
    <rPh sb="77" eb="79">
      <t>シュウリョウ</t>
    </rPh>
    <rPh sb="79" eb="81">
      <t>ショウショ</t>
    </rPh>
    <rPh sb="82" eb="83">
      <t>ウツ</t>
    </rPh>
    <phoneticPr fontId="1"/>
  </si>
  <si>
    <t>・勤務形態一覧表（加算開始予定月のもの）
・資格を証する書類（写）</t>
    <phoneticPr fontId="1"/>
  </si>
  <si>
    <t>・勤務形態一覧表（加算開始予定月のもの）
・資格を証する書類（精神科を担当する医師の専門性を担保する証明書や経歴書を含む）（写）</t>
    <rPh sb="31" eb="34">
      <t>セイシンカ</t>
    </rPh>
    <rPh sb="35" eb="37">
      <t>タントウ</t>
    </rPh>
    <rPh sb="39" eb="41">
      <t>イシ</t>
    </rPh>
    <rPh sb="42" eb="45">
      <t>センモンセイ</t>
    </rPh>
    <rPh sb="46" eb="48">
      <t>タンポ</t>
    </rPh>
    <rPh sb="50" eb="53">
      <t>ショウメイショ</t>
    </rPh>
    <rPh sb="54" eb="57">
      <t>ケイレキショ</t>
    </rPh>
    <rPh sb="58" eb="59">
      <t>フク</t>
    </rPh>
    <rPh sb="62" eb="63">
      <t>ウツ</t>
    </rPh>
    <phoneticPr fontId="1"/>
  </si>
  <si>
    <t>・勤務形態一覧表（加算開始予定月のもの）
・障害者数（障害別・等級別）を記載した書類</t>
    <rPh sb="22" eb="25">
      <t>ショウガイシャ</t>
    </rPh>
    <rPh sb="25" eb="26">
      <t>スウ</t>
    </rPh>
    <rPh sb="27" eb="29">
      <t>ショウガイ</t>
    </rPh>
    <rPh sb="29" eb="30">
      <t>ベツ</t>
    </rPh>
    <rPh sb="31" eb="34">
      <t>トウキュウベツ</t>
    </rPh>
    <rPh sb="36" eb="38">
      <t>キサイ</t>
    </rPh>
    <rPh sb="40" eb="42">
      <t>ショルイ</t>
    </rPh>
    <phoneticPr fontId="1"/>
  </si>
  <si>
    <t>・（別紙11）栄養マネジメントに関する届出書
・勤務形態一覧表（加算開始予定月のもの）
・資格を証する書類（写）</t>
    <rPh sb="2" eb="4">
      <t>ベッシ</t>
    </rPh>
    <rPh sb="7" eb="9">
      <t>エイヨウ</t>
    </rPh>
    <rPh sb="16" eb="17">
      <t>カン</t>
    </rPh>
    <rPh sb="19" eb="22">
      <t>トドケデショ</t>
    </rPh>
    <rPh sb="45" eb="47">
      <t>シカク</t>
    </rPh>
    <rPh sb="48" eb="49">
      <t>ショウ</t>
    </rPh>
    <rPh sb="51" eb="53">
      <t>ショルイ</t>
    </rPh>
    <rPh sb="54" eb="55">
      <t>ウツ</t>
    </rPh>
    <phoneticPr fontId="1"/>
  </si>
  <si>
    <t>・（別紙１２－４）サービス提供体制強化加算に関する届出書
・サービス提供体制強化加算資格要件チェックシート
・該当職員の資格証等（写）
※常勤職員の状況を要件とする場合
・勤務形態一覧表（加算開始予定月のもの）</t>
    <phoneticPr fontId="1"/>
  </si>
  <si>
    <t>・勤務形態一覧表（加算開始予定月のもの）
・該当職員の資格証等（写）</t>
    <phoneticPr fontId="1"/>
  </si>
  <si>
    <t>・（別紙１２－５）サービス提供体制強化加算に関する届出書
・サービス提供体制強化加算資格要件チェックシート
・該当職員の資格証等（写）
※常勤職員の状況を要件とする場合
・勤務形態一覧表（加算開始予定月のもの）</t>
    <phoneticPr fontId="1"/>
  </si>
  <si>
    <t>・（別紙６）平面図
※事業所の状況がわかるもので代替可能
・勤務形態一覧表（加算開始予定月のもの）
・ユニットリーダー研修修了証書（写）</t>
    <rPh sb="2" eb="4">
      <t>ベッシ</t>
    </rPh>
    <rPh sb="6" eb="9">
      <t>ヘイメンズ</t>
    </rPh>
    <rPh sb="11" eb="14">
      <t>ジギョウショ</t>
    </rPh>
    <rPh sb="15" eb="17">
      <t>ジョウキョウ</t>
    </rPh>
    <rPh sb="24" eb="26">
      <t>ダイタイ</t>
    </rPh>
    <rPh sb="26" eb="28">
      <t>カノウ</t>
    </rPh>
    <rPh sb="59" eb="61">
      <t>ケンシュウ</t>
    </rPh>
    <rPh sb="61" eb="63">
      <t>シュウリョウ</t>
    </rPh>
    <rPh sb="63" eb="65">
      <t>ショウショ</t>
    </rPh>
    <rPh sb="66" eb="67">
      <t>ウツ</t>
    </rPh>
    <phoneticPr fontId="1"/>
  </si>
  <si>
    <t>・（別紙９－３）看護体制に係る届出書
・資格を証する書類（写）
・勤務形態一覧表（加算開始予定月のもの）</t>
    <rPh sb="2" eb="4">
      <t>ベッシ</t>
    </rPh>
    <rPh sb="8" eb="10">
      <t>カンゴ</t>
    </rPh>
    <rPh sb="10" eb="12">
      <t>タイセイ</t>
    </rPh>
    <rPh sb="13" eb="14">
      <t>カカ</t>
    </rPh>
    <rPh sb="15" eb="18">
      <t>トドケデショ</t>
    </rPh>
    <rPh sb="20" eb="22">
      <t>シカク</t>
    </rPh>
    <rPh sb="23" eb="24">
      <t>ショウ</t>
    </rPh>
    <rPh sb="26" eb="28">
      <t>ショルイ</t>
    </rPh>
    <rPh sb="29" eb="30">
      <t>ウツ</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4" x14ac:knownFonts="1">
    <font>
      <sz val="11"/>
      <color theme="1"/>
      <name val="ＭＳ Ｐゴシック"/>
      <family val="2"/>
      <charset val="128"/>
      <scheme val="minor"/>
    </font>
    <font>
      <sz val="6"/>
      <name val="ＭＳ Ｐゴシック"/>
      <family val="2"/>
      <charset val="128"/>
      <scheme val="minor"/>
    </font>
    <font>
      <sz val="12"/>
      <color theme="1"/>
      <name val="ＭＳ Ｐゴシック"/>
      <family val="3"/>
      <charset val="128"/>
      <scheme val="minor"/>
    </font>
    <font>
      <sz val="11"/>
      <color theme="1"/>
      <name val="ＭＳ Ｐゴシック"/>
      <family val="3"/>
      <charset val="128"/>
      <scheme val="minor"/>
    </font>
  </fonts>
  <fills count="2">
    <fill>
      <patternFill patternType="none"/>
    </fill>
    <fill>
      <patternFill patternType="gray125"/>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s>
  <cellStyleXfs count="1">
    <xf numFmtId="0" fontId="0" fillId="0" borderId="0">
      <alignment vertical="center"/>
    </xf>
  </cellStyleXfs>
  <cellXfs count="32">
    <xf numFmtId="0" fontId="0" fillId="0" borderId="0" xfId="0">
      <alignment vertical="center"/>
    </xf>
    <xf numFmtId="0" fontId="0" fillId="0" borderId="0" xfId="0" applyAlignment="1">
      <alignment vertical="center" wrapText="1"/>
    </xf>
    <xf numFmtId="0" fontId="0" fillId="0" borderId="0" xfId="0" applyAlignment="1">
      <alignment vertical="distributed" wrapText="1"/>
    </xf>
    <xf numFmtId="0" fontId="3" fillId="0" borderId="1" xfId="0" applyFont="1" applyBorder="1" applyAlignment="1">
      <alignment horizontal="center" vertical="center"/>
    </xf>
    <xf numFmtId="0" fontId="3" fillId="0" borderId="1" xfId="0" applyFont="1" applyBorder="1" applyAlignment="1">
      <alignment horizontal="center" vertical="center" wrapText="1"/>
    </xf>
    <xf numFmtId="0" fontId="3" fillId="0" borderId="1" xfId="0" applyFont="1" applyBorder="1" applyAlignment="1">
      <alignment horizontal="center" vertical="distributed" wrapText="1"/>
    </xf>
    <xf numFmtId="0" fontId="3" fillId="0" borderId="1" xfId="0" applyFont="1" applyBorder="1" applyAlignment="1">
      <alignment horizontal="center" vertical="center" wrapText="1"/>
    </xf>
    <xf numFmtId="0" fontId="3" fillId="0" borderId="1" xfId="0" applyFont="1" applyBorder="1" applyAlignment="1">
      <alignment vertical="center" wrapText="1"/>
    </xf>
    <xf numFmtId="0" fontId="3" fillId="0" borderId="1" xfId="0" applyFont="1" applyBorder="1" applyAlignment="1">
      <alignment vertical="distributed" wrapText="1"/>
    </xf>
    <xf numFmtId="0" fontId="3" fillId="0" borderId="0" xfId="0" applyFont="1" applyAlignment="1">
      <alignment vertical="center" wrapText="1"/>
    </xf>
    <xf numFmtId="0" fontId="3" fillId="0" borderId="0" xfId="0" applyFont="1" applyAlignment="1">
      <alignment vertical="distributed" wrapText="1"/>
    </xf>
    <xf numFmtId="0" fontId="3" fillId="0" borderId="0" xfId="0" applyFont="1">
      <alignment vertical="center"/>
    </xf>
    <xf numFmtId="0" fontId="3" fillId="0" borderId="1" xfId="0" applyFont="1" applyBorder="1" applyAlignment="1">
      <alignment vertical="center" wrapText="1"/>
    </xf>
    <xf numFmtId="0" fontId="3" fillId="0" borderId="1" xfId="0" applyFont="1" applyBorder="1" applyAlignment="1">
      <alignment vertical="center" wrapText="1"/>
    </xf>
    <xf numFmtId="0" fontId="3" fillId="0" borderId="1" xfId="0" applyFont="1" applyBorder="1" applyAlignment="1">
      <alignment vertical="center" wrapText="1"/>
    </xf>
    <xf numFmtId="0" fontId="3" fillId="0" borderId="1" xfId="0" applyFont="1" applyBorder="1" applyAlignment="1">
      <alignment vertical="center" wrapText="1"/>
    </xf>
    <xf numFmtId="0" fontId="3" fillId="0" borderId="1" xfId="0" applyFont="1" applyFill="1" applyBorder="1" applyAlignment="1">
      <alignment vertical="center" wrapText="1"/>
    </xf>
    <xf numFmtId="0" fontId="3" fillId="0" borderId="1" xfId="0" applyFont="1" applyBorder="1" applyAlignment="1">
      <alignment vertical="center" wrapText="1"/>
    </xf>
    <xf numFmtId="0" fontId="2" fillId="0" borderId="0" xfId="0" applyFont="1" applyAlignment="1">
      <alignment vertical="distributed" wrapText="1"/>
    </xf>
    <xf numFmtId="0" fontId="0" fillId="0" borderId="0" xfId="0" applyAlignment="1">
      <alignment vertical="center" wrapText="1"/>
    </xf>
    <xf numFmtId="0" fontId="0" fillId="0" borderId="1" xfId="0" applyFont="1" applyBorder="1" applyAlignment="1">
      <alignment horizontal="center" vertical="center"/>
    </xf>
    <xf numFmtId="0" fontId="3" fillId="0" borderId="1" xfId="0" applyFont="1" applyBorder="1" applyAlignment="1">
      <alignment vertical="center" wrapText="1"/>
    </xf>
    <xf numFmtId="0" fontId="0" fillId="0" borderId="5" xfId="0" applyBorder="1" applyAlignment="1">
      <alignment horizontal="left" vertical="center" wrapText="1"/>
    </xf>
    <xf numFmtId="0" fontId="0" fillId="0" borderId="0" xfId="0" applyFont="1" applyAlignment="1">
      <alignment horizontal="center" vertical="center"/>
    </xf>
    <xf numFmtId="0" fontId="3" fillId="0" borderId="0" xfId="0" applyFont="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wrapText="1"/>
    </xf>
    <xf numFmtId="0" fontId="3" fillId="0" borderId="2" xfId="0" applyFont="1" applyBorder="1" applyAlignment="1">
      <alignment horizontal="center"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cellXfs>
  <cellStyles count="1">
    <cellStyle name="標準" xfId="0" builtinId="0"/>
  </cellStyles>
  <dxfs count="0"/>
  <tableStyles count="0" defaultTableStyle="TableStyleMedium2" defaultPivotStyle="PivotStyleLight16"/>
  <colors>
    <mruColors>
      <color rgb="FFCCFF99"/>
      <color rgb="FFCCCC00"/>
      <color rgb="FF99FF99"/>
      <color rgb="FFFFCC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C14"/>
  <sheetViews>
    <sheetView tabSelected="1" zoomScaleNormal="100" workbookViewId="0">
      <selection sqref="A1:C1"/>
    </sheetView>
  </sheetViews>
  <sheetFormatPr defaultRowHeight="24.75" customHeight="1" x14ac:dyDescent="0.15"/>
  <cols>
    <col min="1" max="1" width="18" customWidth="1"/>
    <col min="2" max="2" width="28.5" style="1" customWidth="1"/>
    <col min="3" max="3" width="55.75" style="1" bestFit="1" customWidth="1"/>
  </cols>
  <sheetData>
    <row r="1" spans="1:3" ht="24.75" customHeight="1" x14ac:dyDescent="0.15">
      <c r="A1" s="20" t="s">
        <v>0</v>
      </c>
      <c r="B1" s="20"/>
      <c r="C1" s="20"/>
    </row>
    <row r="2" spans="1:3" ht="24.75" customHeight="1" x14ac:dyDescent="0.15">
      <c r="A2" s="3" t="s">
        <v>1</v>
      </c>
      <c r="B2" s="4" t="s">
        <v>2</v>
      </c>
      <c r="C2" s="4" t="s">
        <v>3</v>
      </c>
    </row>
    <row r="3" spans="1:3" ht="24.75" customHeight="1" x14ac:dyDescent="0.15">
      <c r="A3" s="21" t="s">
        <v>14</v>
      </c>
      <c r="B3" s="7" t="s">
        <v>6</v>
      </c>
      <c r="C3" s="7" t="s">
        <v>4</v>
      </c>
    </row>
    <row r="4" spans="1:3" ht="36" customHeight="1" x14ac:dyDescent="0.15">
      <c r="A4" s="21"/>
      <c r="B4" s="7" t="s">
        <v>73</v>
      </c>
      <c r="C4" s="7" t="s">
        <v>5</v>
      </c>
    </row>
    <row r="5" spans="1:3" ht="73.5" customHeight="1" x14ac:dyDescent="0.15">
      <c r="A5" s="21"/>
      <c r="B5" s="7" t="s">
        <v>7</v>
      </c>
      <c r="C5" s="14" t="s">
        <v>75</v>
      </c>
    </row>
    <row r="6" spans="1:3" ht="32.25" customHeight="1" x14ac:dyDescent="0.15">
      <c r="A6" s="21"/>
      <c r="B6" s="7" t="s">
        <v>8</v>
      </c>
      <c r="C6" s="14" t="s">
        <v>16</v>
      </c>
    </row>
    <row r="7" spans="1:3" ht="71.25" customHeight="1" x14ac:dyDescent="0.15">
      <c r="A7" s="21"/>
      <c r="B7" s="7" t="s">
        <v>9</v>
      </c>
      <c r="C7" s="14" t="s">
        <v>75</v>
      </c>
    </row>
    <row r="8" spans="1:3" ht="24.75" customHeight="1" x14ac:dyDescent="0.15">
      <c r="A8" s="21"/>
      <c r="B8" s="7" t="s">
        <v>10</v>
      </c>
      <c r="C8" s="14" t="s">
        <v>11</v>
      </c>
    </row>
    <row r="9" spans="1:3" s="11" customFormat="1" ht="44.25" customHeight="1" x14ac:dyDescent="0.15">
      <c r="A9" s="21"/>
      <c r="B9" s="13" t="s">
        <v>47</v>
      </c>
      <c r="C9" s="14" t="s">
        <v>83</v>
      </c>
    </row>
    <row r="10" spans="1:3" ht="23.25" customHeight="1" x14ac:dyDescent="0.15">
      <c r="A10" s="21"/>
      <c r="B10" s="21" t="s">
        <v>13</v>
      </c>
      <c r="C10" s="21" t="s">
        <v>114</v>
      </c>
    </row>
    <row r="11" spans="1:3" ht="70.5" customHeight="1" x14ac:dyDescent="0.15">
      <c r="A11" s="21"/>
      <c r="B11" s="21"/>
      <c r="C11" s="21"/>
    </row>
    <row r="12" spans="1:3" ht="24.75" customHeight="1" x14ac:dyDescent="0.15">
      <c r="A12" s="21"/>
      <c r="B12" s="13" t="s">
        <v>12</v>
      </c>
      <c r="C12" s="15" t="s">
        <v>81</v>
      </c>
    </row>
    <row r="13" spans="1:3" ht="24.75" customHeight="1" x14ac:dyDescent="0.15">
      <c r="A13" s="21"/>
      <c r="B13" s="7" t="s">
        <v>74</v>
      </c>
      <c r="C13" s="15" t="s">
        <v>81</v>
      </c>
    </row>
    <row r="14" spans="1:3" ht="24.75" customHeight="1" x14ac:dyDescent="0.15">
      <c r="B14" s="22" t="s">
        <v>84</v>
      </c>
      <c r="C14" s="22"/>
    </row>
  </sheetData>
  <mergeCells count="5">
    <mergeCell ref="A1:C1"/>
    <mergeCell ref="A3:A13"/>
    <mergeCell ref="B10:B11"/>
    <mergeCell ref="C10:C11"/>
    <mergeCell ref="B14:C14"/>
  </mergeCells>
  <phoneticPr fontId="1"/>
  <pageMargins left="0.7" right="0.7" top="0.75" bottom="0.75" header="0.3" footer="0.3"/>
  <pageSetup paperSize="9" scale="87" orientation="portrait" verticalDpi="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CFFFF"/>
  </sheetPr>
  <dimension ref="A1:C15"/>
  <sheetViews>
    <sheetView zoomScaleNormal="100" workbookViewId="0">
      <selection activeCell="C7" sqref="C7"/>
    </sheetView>
  </sheetViews>
  <sheetFormatPr defaultRowHeight="24.75" customHeight="1" x14ac:dyDescent="0.15"/>
  <cols>
    <col min="1" max="1" width="18" customWidth="1"/>
    <col min="2" max="2" width="28.5" style="1" customWidth="1"/>
    <col min="3" max="3" width="55.75" style="2" bestFit="1" customWidth="1"/>
  </cols>
  <sheetData>
    <row r="1" spans="1:3" ht="24.75" customHeight="1" x14ac:dyDescent="0.15">
      <c r="A1" s="23" t="s">
        <v>0</v>
      </c>
      <c r="B1" s="24"/>
      <c r="C1" s="24"/>
    </row>
    <row r="2" spans="1:3" ht="24.75" customHeight="1" x14ac:dyDescent="0.15">
      <c r="A2" s="3" t="s">
        <v>1</v>
      </c>
      <c r="B2" s="4" t="s">
        <v>2</v>
      </c>
      <c r="C2" s="5" t="s">
        <v>3</v>
      </c>
    </row>
    <row r="3" spans="1:3" ht="24.75" customHeight="1" x14ac:dyDescent="0.15">
      <c r="A3" s="25" t="s">
        <v>82</v>
      </c>
      <c r="B3" s="15" t="s">
        <v>6</v>
      </c>
      <c r="C3" s="15" t="s">
        <v>4</v>
      </c>
    </row>
    <row r="4" spans="1:3" ht="36" customHeight="1" x14ac:dyDescent="0.15">
      <c r="A4" s="26"/>
      <c r="B4" s="15" t="s">
        <v>73</v>
      </c>
      <c r="C4" s="15" t="s">
        <v>5</v>
      </c>
    </row>
    <row r="5" spans="1:3" ht="74.25" customHeight="1" x14ac:dyDescent="0.15">
      <c r="A5" s="26"/>
      <c r="B5" s="7" t="s">
        <v>15</v>
      </c>
      <c r="C5" s="8" t="s">
        <v>18</v>
      </c>
    </row>
    <row r="6" spans="1:3" s="11" customFormat="1" ht="66.75" customHeight="1" x14ac:dyDescent="0.15">
      <c r="A6" s="26"/>
      <c r="B6" s="15" t="s">
        <v>47</v>
      </c>
      <c r="C6" s="15" t="s">
        <v>122</v>
      </c>
    </row>
    <row r="7" spans="1:3" ht="77.25" customHeight="1" x14ac:dyDescent="0.15">
      <c r="A7" s="26"/>
      <c r="B7" s="7" t="s">
        <v>17</v>
      </c>
      <c r="C7" s="15" t="s">
        <v>115</v>
      </c>
    </row>
    <row r="8" spans="1:3" ht="24.75" customHeight="1" x14ac:dyDescent="0.15">
      <c r="A8" s="26"/>
      <c r="B8" s="7" t="s">
        <v>12</v>
      </c>
      <c r="C8" s="17" t="s">
        <v>81</v>
      </c>
    </row>
    <row r="9" spans="1:3" ht="53.25" customHeight="1" x14ac:dyDescent="0.15">
      <c r="A9" s="27"/>
      <c r="B9" s="17" t="s">
        <v>74</v>
      </c>
      <c r="C9" s="17" t="s">
        <v>81</v>
      </c>
    </row>
    <row r="10" spans="1:3" ht="24.75" customHeight="1" x14ac:dyDescent="0.15">
      <c r="A10" s="1"/>
      <c r="B10" s="22" t="s">
        <v>84</v>
      </c>
      <c r="C10" s="22"/>
    </row>
    <row r="11" spans="1:3" ht="24.75" customHeight="1" x14ac:dyDescent="0.15">
      <c r="A11" s="1"/>
    </row>
    <row r="12" spans="1:3" ht="24.75" customHeight="1" x14ac:dyDescent="0.15">
      <c r="A12" s="1"/>
    </row>
    <row r="13" spans="1:3" ht="24.75" customHeight="1" x14ac:dyDescent="0.15">
      <c r="A13" s="1"/>
      <c r="B13" s="19"/>
      <c r="C13" s="18"/>
    </row>
    <row r="14" spans="1:3" ht="24.75" customHeight="1" x14ac:dyDescent="0.15">
      <c r="A14" s="1"/>
      <c r="B14" s="19"/>
      <c r="C14" s="18"/>
    </row>
    <row r="15" spans="1:3" ht="24.75" customHeight="1" x14ac:dyDescent="0.15">
      <c r="A15" s="1"/>
    </row>
  </sheetData>
  <mergeCells count="3">
    <mergeCell ref="A1:C1"/>
    <mergeCell ref="A3:A9"/>
    <mergeCell ref="B10:C10"/>
  </mergeCells>
  <phoneticPr fontId="1"/>
  <pageMargins left="0.7" right="0.7" top="0.75" bottom="0.75" header="0.3" footer="0.3"/>
  <pageSetup paperSize="9" scale="87" orientation="portrait"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CFF"/>
  </sheetPr>
  <dimension ref="A1:C22"/>
  <sheetViews>
    <sheetView topLeftCell="A16" zoomScaleNormal="100" workbookViewId="0">
      <selection activeCell="C18" sqref="C18"/>
    </sheetView>
  </sheetViews>
  <sheetFormatPr defaultRowHeight="33" customHeight="1" x14ac:dyDescent="0.15"/>
  <cols>
    <col min="1" max="1" width="18" style="11" customWidth="1"/>
    <col min="2" max="2" width="31.75" style="9" customWidth="1"/>
    <col min="3" max="3" width="55.75" style="10" bestFit="1" customWidth="1"/>
    <col min="4" max="16384" width="9" style="11"/>
  </cols>
  <sheetData>
    <row r="1" spans="1:3" ht="36" customHeight="1" x14ac:dyDescent="0.15">
      <c r="A1" s="23" t="s">
        <v>0</v>
      </c>
      <c r="B1" s="24"/>
      <c r="C1" s="24"/>
    </row>
    <row r="2" spans="1:3" ht="36" customHeight="1" x14ac:dyDescent="0.15">
      <c r="A2" s="3" t="s">
        <v>1</v>
      </c>
      <c r="B2" s="4" t="s">
        <v>2</v>
      </c>
      <c r="C2" s="5" t="s">
        <v>3</v>
      </c>
    </row>
    <row r="3" spans="1:3" ht="36" customHeight="1" x14ac:dyDescent="0.15">
      <c r="A3" s="28" t="s">
        <v>30</v>
      </c>
      <c r="B3" s="7" t="s">
        <v>19</v>
      </c>
      <c r="C3" s="8" t="s">
        <v>11</v>
      </c>
    </row>
    <row r="4" spans="1:3" ht="40.5" x14ac:dyDescent="0.15">
      <c r="A4" s="28"/>
      <c r="B4" s="14" t="s">
        <v>76</v>
      </c>
      <c r="C4" s="16" t="s">
        <v>86</v>
      </c>
    </row>
    <row r="5" spans="1:3" ht="36" customHeight="1" x14ac:dyDescent="0.15">
      <c r="A5" s="28"/>
      <c r="B5" s="7" t="s">
        <v>20</v>
      </c>
      <c r="C5" s="8" t="s">
        <v>32</v>
      </c>
    </row>
    <row r="6" spans="1:3" ht="36" customHeight="1" x14ac:dyDescent="0.15">
      <c r="A6" s="28"/>
      <c r="B6" s="7" t="s">
        <v>21</v>
      </c>
      <c r="C6" s="7" t="s">
        <v>11</v>
      </c>
    </row>
    <row r="7" spans="1:3" ht="63.75" customHeight="1" x14ac:dyDescent="0.15">
      <c r="A7" s="28"/>
      <c r="B7" s="7" t="s">
        <v>22</v>
      </c>
      <c r="C7" s="14" t="s">
        <v>117</v>
      </c>
    </row>
    <row r="8" spans="1:3" ht="36" customHeight="1" x14ac:dyDescent="0.15">
      <c r="A8" s="28"/>
      <c r="B8" s="7" t="s">
        <v>77</v>
      </c>
      <c r="C8" s="16" t="s">
        <v>85</v>
      </c>
    </row>
    <row r="9" spans="1:3" ht="36" customHeight="1" x14ac:dyDescent="0.15">
      <c r="A9" s="28"/>
      <c r="B9" s="7" t="s">
        <v>23</v>
      </c>
      <c r="C9" s="14" t="s">
        <v>116</v>
      </c>
    </row>
    <row r="10" spans="1:3" ht="72" customHeight="1" x14ac:dyDescent="0.15">
      <c r="A10" s="28"/>
      <c r="B10" s="7" t="s">
        <v>24</v>
      </c>
      <c r="C10" s="16" t="s">
        <v>112</v>
      </c>
    </row>
    <row r="11" spans="1:3" ht="94.5" customHeight="1" x14ac:dyDescent="0.15">
      <c r="A11" s="28"/>
      <c r="B11" s="7" t="s">
        <v>33</v>
      </c>
      <c r="C11" s="14" t="s">
        <v>118</v>
      </c>
    </row>
    <row r="12" spans="1:3" ht="35.25" customHeight="1" x14ac:dyDescent="0.15">
      <c r="A12" s="28"/>
      <c r="B12" s="16" t="s">
        <v>25</v>
      </c>
      <c r="C12" s="16" t="s">
        <v>11</v>
      </c>
    </row>
    <row r="13" spans="1:3" ht="35.25" customHeight="1" x14ac:dyDescent="0.15">
      <c r="A13" s="28"/>
      <c r="B13" s="16" t="s">
        <v>87</v>
      </c>
      <c r="C13" s="16" t="s">
        <v>26</v>
      </c>
    </row>
    <row r="14" spans="1:3" ht="68.25" customHeight="1" x14ac:dyDescent="0.15">
      <c r="A14" s="28"/>
      <c r="B14" s="7" t="s">
        <v>27</v>
      </c>
      <c r="C14" s="16" t="s">
        <v>119</v>
      </c>
    </row>
    <row r="15" spans="1:3" ht="36.75" customHeight="1" x14ac:dyDescent="0.15">
      <c r="A15" s="28"/>
      <c r="B15" s="7" t="s">
        <v>28</v>
      </c>
      <c r="C15" s="14" t="s">
        <v>29</v>
      </c>
    </row>
    <row r="16" spans="1:3" ht="36.75" customHeight="1" x14ac:dyDescent="0.15">
      <c r="A16" s="28"/>
      <c r="B16" s="7" t="s">
        <v>78</v>
      </c>
      <c r="C16" s="14" t="s">
        <v>120</v>
      </c>
    </row>
    <row r="17" spans="1:3" ht="73.5" customHeight="1" x14ac:dyDescent="0.15">
      <c r="A17" s="28"/>
      <c r="B17" s="7" t="s">
        <v>79</v>
      </c>
      <c r="C17" s="16" t="s">
        <v>121</v>
      </c>
    </row>
    <row r="18" spans="1:3" ht="39" customHeight="1" x14ac:dyDescent="0.15">
      <c r="A18" s="28"/>
      <c r="B18" s="16" t="s">
        <v>80</v>
      </c>
      <c r="C18" s="16" t="s">
        <v>88</v>
      </c>
    </row>
    <row r="19" spans="1:3" ht="113.25" customHeight="1" x14ac:dyDescent="0.15">
      <c r="A19" s="28"/>
      <c r="B19" s="7" t="s">
        <v>13</v>
      </c>
      <c r="C19" s="16" t="s">
        <v>89</v>
      </c>
    </row>
    <row r="20" spans="1:3" ht="36" customHeight="1" x14ac:dyDescent="0.15">
      <c r="A20" s="28"/>
      <c r="B20" s="14" t="s">
        <v>12</v>
      </c>
      <c r="C20" s="17" t="s">
        <v>81</v>
      </c>
    </row>
    <row r="21" spans="1:3" ht="36" customHeight="1" x14ac:dyDescent="0.15">
      <c r="A21" s="28"/>
      <c r="B21" s="7" t="s">
        <v>74</v>
      </c>
      <c r="C21" s="17" t="s">
        <v>81</v>
      </c>
    </row>
    <row r="22" spans="1:3" ht="33" customHeight="1" x14ac:dyDescent="0.15">
      <c r="B22" s="22" t="s">
        <v>84</v>
      </c>
      <c r="C22" s="22"/>
    </row>
  </sheetData>
  <mergeCells count="3">
    <mergeCell ref="A1:C1"/>
    <mergeCell ref="A3:A21"/>
    <mergeCell ref="B22:C22"/>
  </mergeCells>
  <phoneticPr fontId="1"/>
  <pageMargins left="0.7" right="0.7" top="0.75" bottom="0.75" header="0.3" footer="0.3"/>
  <pageSetup paperSize="9" scale="86" orientation="portrait" verticalDpi="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C17"/>
  <sheetViews>
    <sheetView topLeftCell="A7" zoomScaleNormal="100" workbookViewId="0">
      <selection activeCell="C15" sqref="C15"/>
    </sheetView>
  </sheetViews>
  <sheetFormatPr defaultRowHeight="33" customHeight="1" x14ac:dyDescent="0.15"/>
  <cols>
    <col min="1" max="1" width="18" style="11" customWidth="1"/>
    <col min="2" max="2" width="30" style="9" customWidth="1"/>
    <col min="3" max="3" width="55.75" style="10" bestFit="1" customWidth="1"/>
    <col min="4" max="16384" width="9" style="11"/>
  </cols>
  <sheetData>
    <row r="1" spans="1:3" ht="36" customHeight="1" x14ac:dyDescent="0.15">
      <c r="A1" s="23" t="s">
        <v>0</v>
      </c>
      <c r="B1" s="24"/>
      <c r="C1" s="24"/>
    </row>
    <row r="2" spans="1:3" ht="36" customHeight="1" x14ac:dyDescent="0.15">
      <c r="A2" s="3" t="s">
        <v>1</v>
      </c>
      <c r="B2" s="4" t="s">
        <v>2</v>
      </c>
      <c r="C2" s="5" t="s">
        <v>3</v>
      </c>
    </row>
    <row r="3" spans="1:3" ht="36" customHeight="1" x14ac:dyDescent="0.15">
      <c r="A3" s="29" t="s">
        <v>31</v>
      </c>
      <c r="B3" s="7" t="s">
        <v>19</v>
      </c>
      <c r="C3" s="8" t="s">
        <v>11</v>
      </c>
    </row>
    <row r="4" spans="1:3" ht="40.5" x14ac:dyDescent="0.15">
      <c r="A4" s="30"/>
      <c r="B4" s="17" t="s">
        <v>76</v>
      </c>
      <c r="C4" s="16" t="s">
        <v>86</v>
      </c>
    </row>
    <row r="5" spans="1:3" ht="36" customHeight="1" x14ac:dyDescent="0.15">
      <c r="A5" s="30"/>
      <c r="B5" s="7" t="s">
        <v>20</v>
      </c>
      <c r="C5" s="8" t="s">
        <v>32</v>
      </c>
    </row>
    <row r="6" spans="1:3" ht="36" customHeight="1" x14ac:dyDescent="0.15">
      <c r="A6" s="30"/>
      <c r="B6" s="17" t="s">
        <v>77</v>
      </c>
      <c r="C6" s="16" t="s">
        <v>85</v>
      </c>
    </row>
    <row r="7" spans="1:3" ht="33" customHeight="1" x14ac:dyDescent="0.15">
      <c r="A7" s="30"/>
      <c r="B7" s="17" t="s">
        <v>24</v>
      </c>
      <c r="C7" s="16" t="s">
        <v>113</v>
      </c>
    </row>
    <row r="8" spans="1:3" ht="40.5" x14ac:dyDescent="0.15">
      <c r="A8" s="30"/>
      <c r="B8" s="17" t="s">
        <v>33</v>
      </c>
      <c r="C8" s="17" t="s">
        <v>123</v>
      </c>
    </row>
    <row r="9" spans="1:3" ht="35.25" customHeight="1" x14ac:dyDescent="0.15">
      <c r="A9" s="30"/>
      <c r="B9" s="16" t="s">
        <v>25</v>
      </c>
      <c r="C9" s="16" t="s">
        <v>11</v>
      </c>
    </row>
    <row r="10" spans="1:3" ht="36" customHeight="1" x14ac:dyDescent="0.15">
      <c r="A10" s="30"/>
      <c r="B10" s="17" t="s">
        <v>28</v>
      </c>
      <c r="C10" s="17" t="s">
        <v>29</v>
      </c>
    </row>
    <row r="11" spans="1:3" ht="36" customHeight="1" x14ac:dyDescent="0.15">
      <c r="A11" s="30"/>
      <c r="B11" s="17" t="s">
        <v>78</v>
      </c>
      <c r="C11" s="17" t="s">
        <v>120</v>
      </c>
    </row>
    <row r="12" spans="1:3" ht="36" customHeight="1" x14ac:dyDescent="0.15">
      <c r="A12" s="30"/>
      <c r="B12" s="17" t="s">
        <v>79</v>
      </c>
      <c r="C12" s="16" t="s">
        <v>121</v>
      </c>
    </row>
    <row r="13" spans="1:3" ht="39" customHeight="1" x14ac:dyDescent="0.15">
      <c r="A13" s="30"/>
      <c r="B13" s="16" t="s">
        <v>80</v>
      </c>
      <c r="C13" s="16" t="s">
        <v>88</v>
      </c>
    </row>
    <row r="14" spans="1:3" ht="89.25" customHeight="1" x14ac:dyDescent="0.15">
      <c r="A14" s="30"/>
      <c r="B14" s="17" t="s">
        <v>13</v>
      </c>
      <c r="C14" s="16" t="s">
        <v>89</v>
      </c>
    </row>
    <row r="15" spans="1:3" ht="36" customHeight="1" x14ac:dyDescent="0.15">
      <c r="A15" s="30"/>
      <c r="B15" s="17" t="s">
        <v>12</v>
      </c>
      <c r="C15" s="17" t="s">
        <v>81</v>
      </c>
    </row>
    <row r="16" spans="1:3" ht="36" customHeight="1" x14ac:dyDescent="0.15">
      <c r="A16" s="31"/>
      <c r="B16" s="17" t="s">
        <v>74</v>
      </c>
      <c r="C16" s="17" t="s">
        <v>81</v>
      </c>
    </row>
    <row r="17" spans="2:3" ht="33" customHeight="1" x14ac:dyDescent="0.15">
      <c r="B17" s="22" t="s">
        <v>84</v>
      </c>
      <c r="C17" s="22"/>
    </row>
  </sheetData>
  <mergeCells count="3">
    <mergeCell ref="A1:C1"/>
    <mergeCell ref="A3:A16"/>
    <mergeCell ref="B17:C17"/>
  </mergeCells>
  <phoneticPr fontId="1"/>
  <pageMargins left="0.7" right="0.7" top="0.75" bottom="0.75" header="0.3" footer="0.3"/>
  <pageSetup paperSize="9" scale="86" orientation="portrait" verticalDpi="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9FF99"/>
  </sheetPr>
  <dimension ref="A1:C15"/>
  <sheetViews>
    <sheetView topLeftCell="A7" zoomScaleNormal="100" workbookViewId="0">
      <selection activeCell="C12" sqref="C12"/>
    </sheetView>
  </sheetViews>
  <sheetFormatPr defaultRowHeight="33" customHeight="1" x14ac:dyDescent="0.15"/>
  <cols>
    <col min="1" max="1" width="18" style="11" customWidth="1"/>
    <col min="2" max="2" width="30" style="9" customWidth="1"/>
    <col min="3" max="3" width="55.75" style="10" bestFit="1" customWidth="1"/>
    <col min="4" max="16384" width="9" style="11"/>
  </cols>
  <sheetData>
    <row r="1" spans="1:3" ht="35.25" customHeight="1" x14ac:dyDescent="0.15">
      <c r="A1" s="23" t="s">
        <v>0</v>
      </c>
      <c r="B1" s="24"/>
      <c r="C1" s="24"/>
    </row>
    <row r="2" spans="1:3" ht="35.25" customHeight="1" x14ac:dyDescent="0.15">
      <c r="A2" s="3" t="s">
        <v>1</v>
      </c>
      <c r="B2" s="4" t="s">
        <v>2</v>
      </c>
      <c r="C2" s="5" t="s">
        <v>3</v>
      </c>
    </row>
    <row r="3" spans="1:3" ht="35.25" customHeight="1" x14ac:dyDescent="0.15">
      <c r="A3" s="29" t="s">
        <v>34</v>
      </c>
      <c r="B3" s="7" t="s">
        <v>19</v>
      </c>
      <c r="C3" s="8" t="s">
        <v>11</v>
      </c>
    </row>
    <row r="4" spans="1:3" customFormat="1" ht="24.75" customHeight="1" x14ac:dyDescent="0.15">
      <c r="A4" s="30"/>
      <c r="B4" s="17" t="s">
        <v>6</v>
      </c>
      <c r="C4" s="17" t="s">
        <v>4</v>
      </c>
    </row>
    <row r="5" spans="1:3" customFormat="1" ht="36" customHeight="1" x14ac:dyDescent="0.15">
      <c r="A5" s="30"/>
      <c r="B5" s="17" t="s">
        <v>73</v>
      </c>
      <c r="C5" s="17" t="s">
        <v>5</v>
      </c>
    </row>
    <row r="6" spans="1:3" ht="35.25" customHeight="1" x14ac:dyDescent="0.15">
      <c r="A6" s="30"/>
      <c r="B6" s="7" t="s">
        <v>28</v>
      </c>
      <c r="C6" s="8" t="s">
        <v>11</v>
      </c>
    </row>
    <row r="7" spans="1:3" ht="35.25" customHeight="1" x14ac:dyDescent="0.15">
      <c r="A7" s="30"/>
      <c r="B7" s="7" t="s">
        <v>35</v>
      </c>
      <c r="C7" s="17" t="s">
        <v>124</v>
      </c>
    </row>
    <row r="8" spans="1:3" ht="65.25" customHeight="1" x14ac:dyDescent="0.15">
      <c r="A8" s="30"/>
      <c r="B8" s="7" t="s">
        <v>36</v>
      </c>
      <c r="C8" s="17" t="s">
        <v>37</v>
      </c>
    </row>
    <row r="9" spans="1:3" ht="35.25" customHeight="1" x14ac:dyDescent="0.15">
      <c r="A9" s="30"/>
      <c r="B9" s="7" t="s">
        <v>38</v>
      </c>
      <c r="C9" s="17" t="s">
        <v>125</v>
      </c>
    </row>
    <row r="10" spans="1:3" ht="35.25" customHeight="1" x14ac:dyDescent="0.15">
      <c r="A10" s="30"/>
      <c r="B10" s="7" t="s">
        <v>10</v>
      </c>
      <c r="C10" s="8" t="s">
        <v>11</v>
      </c>
    </row>
    <row r="11" spans="1:3" ht="39" customHeight="1" x14ac:dyDescent="0.15">
      <c r="A11" s="30"/>
      <c r="B11" s="16" t="s">
        <v>80</v>
      </c>
      <c r="C11" s="16" t="s">
        <v>88</v>
      </c>
    </row>
    <row r="12" spans="1:3" ht="90" customHeight="1" x14ac:dyDescent="0.15">
      <c r="A12" s="30"/>
      <c r="B12" s="17" t="s">
        <v>17</v>
      </c>
      <c r="C12" s="17" t="s">
        <v>126</v>
      </c>
    </row>
    <row r="13" spans="1:3" ht="36" customHeight="1" x14ac:dyDescent="0.15">
      <c r="A13" s="30"/>
      <c r="B13" s="17" t="s">
        <v>12</v>
      </c>
      <c r="C13" s="17" t="s">
        <v>81</v>
      </c>
    </row>
    <row r="14" spans="1:3" ht="36" customHeight="1" x14ac:dyDescent="0.15">
      <c r="A14" s="31"/>
      <c r="B14" s="17" t="s">
        <v>74</v>
      </c>
      <c r="C14" s="17" t="s">
        <v>81</v>
      </c>
    </row>
    <row r="15" spans="1:3" ht="33" customHeight="1" x14ac:dyDescent="0.15">
      <c r="B15" s="22" t="s">
        <v>84</v>
      </c>
      <c r="C15" s="22"/>
    </row>
  </sheetData>
  <mergeCells count="3">
    <mergeCell ref="A1:C1"/>
    <mergeCell ref="A3:A14"/>
    <mergeCell ref="B15:C15"/>
  </mergeCells>
  <phoneticPr fontId="1"/>
  <pageMargins left="0.7" right="0.7" top="0.75" bottom="0.75" header="0.3" footer="0.3"/>
  <pageSetup paperSize="9" scale="86" orientation="portrait"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C17"/>
  <sheetViews>
    <sheetView zoomScaleNormal="100" workbookViewId="0">
      <selection activeCell="C14" sqref="C14"/>
    </sheetView>
  </sheetViews>
  <sheetFormatPr defaultRowHeight="33" customHeight="1" x14ac:dyDescent="0.15"/>
  <cols>
    <col min="1" max="1" width="18" style="11" customWidth="1"/>
    <col min="2" max="2" width="30" style="9" customWidth="1"/>
    <col min="3" max="3" width="57.75" style="10" customWidth="1"/>
    <col min="4" max="16384" width="9" style="11"/>
  </cols>
  <sheetData>
    <row r="1" spans="1:3" ht="36" customHeight="1" x14ac:dyDescent="0.15">
      <c r="A1" s="23" t="s">
        <v>0</v>
      </c>
      <c r="B1" s="24"/>
      <c r="C1" s="24"/>
    </row>
    <row r="2" spans="1:3" ht="36" customHeight="1" x14ac:dyDescent="0.15">
      <c r="A2" s="3" t="s">
        <v>1</v>
      </c>
      <c r="B2" s="4" t="s">
        <v>2</v>
      </c>
      <c r="C2" s="5" t="s">
        <v>3</v>
      </c>
    </row>
    <row r="3" spans="1:3" ht="36" customHeight="1" x14ac:dyDescent="0.15">
      <c r="A3" s="28" t="s">
        <v>46</v>
      </c>
      <c r="B3" s="7" t="s">
        <v>39</v>
      </c>
      <c r="C3" s="8" t="s">
        <v>127</v>
      </c>
    </row>
    <row r="4" spans="1:3" ht="36" customHeight="1" x14ac:dyDescent="0.15">
      <c r="A4" s="28"/>
      <c r="B4" s="7" t="s">
        <v>19</v>
      </c>
      <c r="C4" s="8" t="s">
        <v>11</v>
      </c>
    </row>
    <row r="5" spans="1:3" ht="36" customHeight="1" x14ac:dyDescent="0.15">
      <c r="A5" s="28"/>
      <c r="B5" s="7" t="s">
        <v>40</v>
      </c>
      <c r="C5" s="17" t="s">
        <v>59</v>
      </c>
    </row>
    <row r="6" spans="1:3" ht="27" x14ac:dyDescent="0.15">
      <c r="A6" s="28"/>
      <c r="B6" s="17" t="s">
        <v>90</v>
      </c>
      <c r="C6" s="16" t="s">
        <v>91</v>
      </c>
    </row>
    <row r="7" spans="1:3" ht="36" customHeight="1" x14ac:dyDescent="0.15">
      <c r="A7" s="28"/>
      <c r="B7" s="7" t="s">
        <v>41</v>
      </c>
      <c r="C7" s="17" t="s">
        <v>128</v>
      </c>
    </row>
    <row r="8" spans="1:3" ht="36" customHeight="1" x14ac:dyDescent="0.15">
      <c r="A8" s="28"/>
      <c r="B8" s="7" t="s">
        <v>42</v>
      </c>
      <c r="C8" s="8" t="s">
        <v>11</v>
      </c>
    </row>
    <row r="9" spans="1:3" ht="36" customHeight="1" x14ac:dyDescent="0.15">
      <c r="A9" s="28"/>
      <c r="B9" s="7" t="s">
        <v>43</v>
      </c>
      <c r="C9" s="8" t="s">
        <v>11</v>
      </c>
    </row>
    <row r="10" spans="1:3" ht="36" customHeight="1" x14ac:dyDescent="0.15">
      <c r="A10" s="28"/>
      <c r="B10" s="7" t="s">
        <v>44</v>
      </c>
      <c r="C10" s="17" t="s">
        <v>92</v>
      </c>
    </row>
    <row r="11" spans="1:3" ht="87" customHeight="1" x14ac:dyDescent="0.15">
      <c r="A11" s="28"/>
      <c r="B11" s="7" t="s">
        <v>93</v>
      </c>
      <c r="C11" s="17" t="s">
        <v>129</v>
      </c>
    </row>
    <row r="12" spans="1:3" ht="103.5" customHeight="1" x14ac:dyDescent="0.15">
      <c r="A12" s="28"/>
      <c r="B12" s="17" t="s">
        <v>47</v>
      </c>
      <c r="C12" s="17" t="s">
        <v>83</v>
      </c>
    </row>
    <row r="13" spans="1:3" ht="39" customHeight="1" x14ac:dyDescent="0.15">
      <c r="A13" s="28"/>
      <c r="B13" s="16" t="s">
        <v>80</v>
      </c>
      <c r="C13" s="16" t="s">
        <v>88</v>
      </c>
    </row>
    <row r="14" spans="1:3" ht="78" customHeight="1" x14ac:dyDescent="0.15">
      <c r="A14" s="28"/>
      <c r="B14" s="17" t="s">
        <v>17</v>
      </c>
      <c r="C14" s="17" t="s">
        <v>130</v>
      </c>
    </row>
    <row r="15" spans="1:3" ht="36" customHeight="1" x14ac:dyDescent="0.15">
      <c r="A15" s="28"/>
      <c r="B15" s="17" t="s">
        <v>12</v>
      </c>
      <c r="C15" s="17" t="s">
        <v>81</v>
      </c>
    </row>
    <row r="16" spans="1:3" ht="36" customHeight="1" x14ac:dyDescent="0.15">
      <c r="A16" s="28"/>
      <c r="B16" s="17" t="s">
        <v>74</v>
      </c>
      <c r="C16" s="17" t="s">
        <v>81</v>
      </c>
    </row>
    <row r="17" spans="2:3" ht="33" customHeight="1" x14ac:dyDescent="0.15">
      <c r="B17" s="22" t="s">
        <v>84</v>
      </c>
      <c r="C17" s="22"/>
    </row>
  </sheetData>
  <mergeCells count="3">
    <mergeCell ref="A1:C1"/>
    <mergeCell ref="A3:A16"/>
    <mergeCell ref="B17:C17"/>
  </mergeCells>
  <phoneticPr fontId="1"/>
  <pageMargins left="0.7" right="0.7" top="0.75" bottom="0.75" header="0.3" footer="0.3"/>
  <pageSetup paperSize="9" scale="84" orientation="portrait" verticalDpi="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CCC00"/>
  </sheetPr>
  <dimension ref="A1:C18"/>
  <sheetViews>
    <sheetView topLeftCell="A10" zoomScaleNormal="100" workbookViewId="0">
      <selection activeCell="C16" sqref="C16"/>
    </sheetView>
  </sheetViews>
  <sheetFormatPr defaultRowHeight="33" customHeight="1" x14ac:dyDescent="0.15"/>
  <cols>
    <col min="1" max="1" width="18" style="11" customWidth="1"/>
    <col min="2" max="2" width="30" style="9" customWidth="1"/>
    <col min="3" max="3" width="57.75" style="10" customWidth="1"/>
    <col min="4" max="16384" width="9" style="11"/>
  </cols>
  <sheetData>
    <row r="1" spans="1:3" ht="36" customHeight="1" x14ac:dyDescent="0.15">
      <c r="A1" s="23" t="s">
        <v>0</v>
      </c>
      <c r="B1" s="24"/>
      <c r="C1" s="24"/>
    </row>
    <row r="2" spans="1:3" ht="36" customHeight="1" x14ac:dyDescent="0.15">
      <c r="A2" s="3" t="s">
        <v>1</v>
      </c>
      <c r="B2" s="6" t="s">
        <v>2</v>
      </c>
      <c r="C2" s="5" t="s">
        <v>3</v>
      </c>
    </row>
    <row r="3" spans="1:3" ht="36" customHeight="1" x14ac:dyDescent="0.15">
      <c r="A3" s="28"/>
      <c r="B3" s="12" t="s">
        <v>19</v>
      </c>
      <c r="C3" s="17" t="s">
        <v>11</v>
      </c>
    </row>
    <row r="4" spans="1:3" ht="36" customHeight="1" x14ac:dyDescent="0.15">
      <c r="A4" s="28"/>
      <c r="B4" s="12" t="s">
        <v>40</v>
      </c>
      <c r="C4" s="17" t="s">
        <v>59</v>
      </c>
    </row>
    <row r="5" spans="1:3" ht="36" customHeight="1" x14ac:dyDescent="0.15">
      <c r="A5" s="28"/>
      <c r="B5" s="12" t="s">
        <v>48</v>
      </c>
      <c r="C5" s="17" t="s">
        <v>95</v>
      </c>
    </row>
    <row r="6" spans="1:3" ht="39" customHeight="1" x14ac:dyDescent="0.15">
      <c r="A6" s="28"/>
      <c r="B6" s="16" t="s">
        <v>94</v>
      </c>
      <c r="C6" s="17" t="s">
        <v>96</v>
      </c>
    </row>
    <row r="7" spans="1:3" ht="54" customHeight="1" x14ac:dyDescent="0.15">
      <c r="A7" s="28"/>
      <c r="B7" s="12" t="s">
        <v>24</v>
      </c>
      <c r="C7" s="17" t="s">
        <v>11</v>
      </c>
    </row>
    <row r="8" spans="1:3" ht="50.25" customHeight="1" x14ac:dyDescent="0.15">
      <c r="A8" s="28"/>
      <c r="B8" s="17" t="s">
        <v>33</v>
      </c>
      <c r="C8" s="17" t="s">
        <v>118</v>
      </c>
    </row>
    <row r="9" spans="1:3" ht="35.25" customHeight="1" x14ac:dyDescent="0.15">
      <c r="A9" s="28"/>
      <c r="B9" s="16" t="s">
        <v>25</v>
      </c>
      <c r="C9" s="16" t="s">
        <v>11</v>
      </c>
    </row>
    <row r="10" spans="1:3" ht="50.25" customHeight="1" x14ac:dyDescent="0.15">
      <c r="A10" s="28"/>
      <c r="B10" s="12" t="s">
        <v>49</v>
      </c>
      <c r="C10" s="17" t="s">
        <v>97</v>
      </c>
    </row>
    <row r="11" spans="1:3" ht="36" customHeight="1" x14ac:dyDescent="0.15">
      <c r="A11" s="28"/>
      <c r="B11" s="12" t="s">
        <v>42</v>
      </c>
      <c r="C11" s="17" t="s">
        <v>11</v>
      </c>
    </row>
    <row r="12" spans="1:3" ht="51.75" customHeight="1" x14ac:dyDescent="0.15">
      <c r="A12" s="28"/>
      <c r="B12" s="12" t="s">
        <v>44</v>
      </c>
      <c r="C12" s="17" t="s">
        <v>45</v>
      </c>
    </row>
    <row r="13" spans="1:3" ht="95.25" customHeight="1" x14ac:dyDescent="0.15">
      <c r="A13" s="28"/>
      <c r="B13" s="17" t="s">
        <v>47</v>
      </c>
      <c r="C13" s="17" t="s">
        <v>83</v>
      </c>
    </row>
    <row r="14" spans="1:3" ht="39" customHeight="1" x14ac:dyDescent="0.15">
      <c r="A14" s="28"/>
      <c r="B14" s="16" t="s">
        <v>80</v>
      </c>
      <c r="C14" s="16" t="s">
        <v>88</v>
      </c>
    </row>
    <row r="15" spans="1:3" ht="75" customHeight="1" x14ac:dyDescent="0.15">
      <c r="A15" s="28"/>
      <c r="B15" s="17" t="s">
        <v>17</v>
      </c>
      <c r="C15" s="17" t="s">
        <v>131</v>
      </c>
    </row>
    <row r="16" spans="1:3" ht="36" customHeight="1" x14ac:dyDescent="0.15">
      <c r="A16" s="28"/>
      <c r="B16" s="17" t="s">
        <v>12</v>
      </c>
      <c r="C16" s="17" t="s">
        <v>81</v>
      </c>
    </row>
    <row r="17" spans="1:3" ht="36" customHeight="1" x14ac:dyDescent="0.15">
      <c r="A17" s="28"/>
      <c r="B17" s="17" t="s">
        <v>74</v>
      </c>
      <c r="C17" s="17" t="s">
        <v>81</v>
      </c>
    </row>
    <row r="18" spans="1:3" ht="33" customHeight="1" x14ac:dyDescent="0.15">
      <c r="B18" s="22" t="s">
        <v>84</v>
      </c>
      <c r="C18" s="22"/>
    </row>
  </sheetData>
  <mergeCells count="3">
    <mergeCell ref="A1:C1"/>
    <mergeCell ref="A3:A17"/>
    <mergeCell ref="B18:C18"/>
  </mergeCells>
  <phoneticPr fontId="1"/>
  <pageMargins left="0.7" right="0.7" top="0.75" bottom="0.75" header="0.3" footer="0.3"/>
  <pageSetup paperSize="9" scale="84" orientation="portrait" verticalDpi="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sheetPr>
  <dimension ref="A1:C37"/>
  <sheetViews>
    <sheetView zoomScaleNormal="100" workbookViewId="0">
      <selection activeCell="A37" sqref="A37"/>
    </sheetView>
  </sheetViews>
  <sheetFormatPr defaultRowHeight="33" customHeight="1" x14ac:dyDescent="0.15"/>
  <cols>
    <col min="1" max="1" width="18" style="11" customWidth="1"/>
    <col min="2" max="2" width="30" style="9" customWidth="1"/>
    <col min="3" max="3" width="57.75" style="10" customWidth="1"/>
    <col min="4" max="16384" width="9" style="11"/>
  </cols>
  <sheetData>
    <row r="1" spans="1:3" ht="36" customHeight="1" x14ac:dyDescent="0.15">
      <c r="A1" s="23" t="s">
        <v>0</v>
      </c>
      <c r="B1" s="24"/>
      <c r="C1" s="24"/>
    </row>
    <row r="2" spans="1:3" ht="36" customHeight="1" x14ac:dyDescent="0.15">
      <c r="A2" s="3" t="s">
        <v>1</v>
      </c>
      <c r="B2" s="6" t="s">
        <v>2</v>
      </c>
      <c r="C2" s="5" t="s">
        <v>3</v>
      </c>
    </row>
    <row r="3" spans="1:3" ht="36" customHeight="1" x14ac:dyDescent="0.15">
      <c r="A3" s="28" t="s">
        <v>50</v>
      </c>
      <c r="B3" s="12" t="s">
        <v>39</v>
      </c>
      <c r="C3" s="17" t="s">
        <v>132</v>
      </c>
    </row>
    <row r="4" spans="1:3" ht="36" customHeight="1" x14ac:dyDescent="0.15">
      <c r="A4" s="28"/>
      <c r="B4" s="12" t="s">
        <v>19</v>
      </c>
      <c r="C4" s="17" t="s">
        <v>11</v>
      </c>
    </row>
    <row r="5" spans="1:3" ht="36" customHeight="1" x14ac:dyDescent="0.15">
      <c r="A5" s="28"/>
      <c r="B5" s="17" t="s">
        <v>108</v>
      </c>
      <c r="C5" s="16" t="s">
        <v>91</v>
      </c>
    </row>
    <row r="6" spans="1:3" ht="36" customHeight="1" x14ac:dyDescent="0.15">
      <c r="A6" s="28"/>
      <c r="B6" s="17" t="s">
        <v>98</v>
      </c>
      <c r="C6" s="16" t="s">
        <v>110</v>
      </c>
    </row>
    <row r="7" spans="1:3" ht="69" customHeight="1" x14ac:dyDescent="0.15">
      <c r="A7" s="28"/>
      <c r="B7" s="12" t="s">
        <v>51</v>
      </c>
      <c r="C7" s="17" t="s">
        <v>143</v>
      </c>
    </row>
    <row r="8" spans="1:3" ht="161.25" customHeight="1" x14ac:dyDescent="0.15">
      <c r="A8" s="28"/>
      <c r="B8" s="12" t="s">
        <v>52</v>
      </c>
      <c r="C8" s="17" t="s">
        <v>133</v>
      </c>
    </row>
    <row r="9" spans="1:3" ht="39" customHeight="1" x14ac:dyDescent="0.15">
      <c r="A9" s="28"/>
      <c r="B9" s="16" t="s">
        <v>99</v>
      </c>
      <c r="C9" s="17" t="s">
        <v>100</v>
      </c>
    </row>
    <row r="10" spans="1:3" ht="50.25" customHeight="1" x14ac:dyDescent="0.15">
      <c r="A10" s="28"/>
      <c r="B10" s="12" t="s">
        <v>53</v>
      </c>
      <c r="C10" s="17" t="s">
        <v>144</v>
      </c>
    </row>
    <row r="11" spans="1:3" ht="35.25" customHeight="1" x14ac:dyDescent="0.15">
      <c r="A11" s="28"/>
      <c r="B11" s="12" t="s">
        <v>54</v>
      </c>
      <c r="C11" s="17" t="s">
        <v>101</v>
      </c>
    </row>
    <row r="12" spans="1:3" ht="50.25" customHeight="1" x14ac:dyDescent="0.15">
      <c r="A12" s="28"/>
      <c r="B12" s="16" t="s">
        <v>102</v>
      </c>
      <c r="C12" s="17" t="s">
        <v>103</v>
      </c>
    </row>
    <row r="13" spans="1:3" ht="66.75" customHeight="1" x14ac:dyDescent="0.15">
      <c r="A13" s="28"/>
      <c r="B13" s="12" t="s">
        <v>55</v>
      </c>
      <c r="C13" s="17" t="s">
        <v>135</v>
      </c>
    </row>
    <row r="14" spans="1:3" ht="42" customHeight="1" x14ac:dyDescent="0.15">
      <c r="A14" s="28"/>
      <c r="B14" s="17" t="s">
        <v>24</v>
      </c>
      <c r="C14" s="17" t="s">
        <v>11</v>
      </c>
    </row>
    <row r="15" spans="1:3" ht="48.75" customHeight="1" x14ac:dyDescent="0.15">
      <c r="A15" s="28"/>
      <c r="B15" s="17" t="s">
        <v>33</v>
      </c>
      <c r="C15" s="17" t="s">
        <v>134</v>
      </c>
    </row>
    <row r="16" spans="1:3" ht="35.25" customHeight="1" x14ac:dyDescent="0.15">
      <c r="A16" s="28"/>
      <c r="B16" s="16" t="s">
        <v>25</v>
      </c>
      <c r="C16" s="16" t="s">
        <v>11</v>
      </c>
    </row>
    <row r="17" spans="1:3" ht="66.75" customHeight="1" x14ac:dyDescent="0.15">
      <c r="A17" s="28"/>
      <c r="B17" s="12" t="s">
        <v>28</v>
      </c>
      <c r="C17" s="17" t="s">
        <v>11</v>
      </c>
    </row>
    <row r="18" spans="1:3" ht="36" customHeight="1" x14ac:dyDescent="0.15">
      <c r="A18" s="28"/>
      <c r="B18" s="12" t="s">
        <v>56</v>
      </c>
      <c r="C18" s="17" t="s">
        <v>136</v>
      </c>
    </row>
    <row r="19" spans="1:3" ht="50.25" customHeight="1" x14ac:dyDescent="0.15">
      <c r="A19" s="28"/>
      <c r="B19" s="12" t="s">
        <v>57</v>
      </c>
      <c r="C19" s="17" t="s">
        <v>137</v>
      </c>
    </row>
    <row r="20" spans="1:3" ht="36" customHeight="1" x14ac:dyDescent="0.15">
      <c r="A20" s="28"/>
      <c r="B20" s="12" t="s">
        <v>58</v>
      </c>
      <c r="C20" s="17" t="s">
        <v>138</v>
      </c>
    </row>
    <row r="21" spans="1:3" ht="36" customHeight="1" x14ac:dyDescent="0.15">
      <c r="A21" s="28"/>
      <c r="B21" s="12" t="s">
        <v>40</v>
      </c>
      <c r="C21" s="17" t="s">
        <v>59</v>
      </c>
    </row>
    <row r="22" spans="1:3" ht="50.25" customHeight="1" x14ac:dyDescent="0.15">
      <c r="A22" s="28"/>
      <c r="B22" s="12" t="s">
        <v>104</v>
      </c>
      <c r="C22" s="17" t="s">
        <v>139</v>
      </c>
    </row>
    <row r="23" spans="1:3" ht="35.25" customHeight="1" x14ac:dyDescent="0.15">
      <c r="A23" s="28"/>
      <c r="B23" s="12" t="s">
        <v>60</v>
      </c>
      <c r="C23" s="17" t="s">
        <v>124</v>
      </c>
    </row>
    <row r="24" spans="1:3" ht="35.25" customHeight="1" x14ac:dyDescent="0.15">
      <c r="A24" s="28"/>
      <c r="B24" s="12" t="s">
        <v>61</v>
      </c>
      <c r="C24" s="17" t="s">
        <v>62</v>
      </c>
    </row>
    <row r="25" spans="1:3" ht="50.25" customHeight="1" x14ac:dyDescent="0.15">
      <c r="A25" s="28"/>
      <c r="B25" s="12" t="s">
        <v>63</v>
      </c>
      <c r="C25" s="17" t="s">
        <v>105</v>
      </c>
    </row>
    <row r="26" spans="1:3" ht="35.25" customHeight="1" x14ac:dyDescent="0.15">
      <c r="A26" s="28"/>
      <c r="B26" s="12" t="s">
        <v>64</v>
      </c>
      <c r="C26" s="17" t="s">
        <v>11</v>
      </c>
    </row>
    <row r="27" spans="1:3" ht="35.25" customHeight="1" x14ac:dyDescent="0.15">
      <c r="A27" s="28"/>
      <c r="B27" s="12" t="s">
        <v>65</v>
      </c>
      <c r="C27" s="17" t="s">
        <v>11</v>
      </c>
    </row>
    <row r="28" spans="1:3" ht="78.75" customHeight="1" x14ac:dyDescent="0.15">
      <c r="A28" s="28"/>
      <c r="B28" s="17" t="s">
        <v>47</v>
      </c>
      <c r="C28" s="17" t="s">
        <v>83</v>
      </c>
    </row>
    <row r="29" spans="1:3" ht="35.25" customHeight="1" x14ac:dyDescent="0.15">
      <c r="A29" s="28"/>
      <c r="B29" s="12" t="s">
        <v>66</v>
      </c>
      <c r="C29" s="17" t="s">
        <v>67</v>
      </c>
    </row>
    <row r="30" spans="1:3" ht="35.25" customHeight="1" x14ac:dyDescent="0.15">
      <c r="A30" s="28"/>
      <c r="B30" s="17" t="s">
        <v>106</v>
      </c>
      <c r="C30" s="17" t="s">
        <v>11</v>
      </c>
    </row>
    <row r="31" spans="1:3" ht="35.25" customHeight="1" x14ac:dyDescent="0.15">
      <c r="A31" s="28"/>
      <c r="B31" s="17" t="s">
        <v>107</v>
      </c>
      <c r="C31" s="17" t="s">
        <v>11</v>
      </c>
    </row>
    <row r="32" spans="1:3" ht="39" customHeight="1" x14ac:dyDescent="0.15">
      <c r="A32" s="28"/>
      <c r="B32" s="16" t="s">
        <v>80</v>
      </c>
      <c r="C32" s="16" t="s">
        <v>88</v>
      </c>
    </row>
    <row r="33" spans="1:3" ht="36" customHeight="1" x14ac:dyDescent="0.15">
      <c r="A33" s="28"/>
      <c r="B33" s="17" t="s">
        <v>109</v>
      </c>
      <c r="C33" s="16" t="s">
        <v>91</v>
      </c>
    </row>
    <row r="34" spans="1:3" ht="96" customHeight="1" x14ac:dyDescent="0.15">
      <c r="A34" s="28"/>
      <c r="B34" s="17" t="s">
        <v>17</v>
      </c>
      <c r="C34" s="17" t="s">
        <v>140</v>
      </c>
    </row>
    <row r="35" spans="1:3" ht="36" customHeight="1" x14ac:dyDescent="0.15">
      <c r="A35" s="28"/>
      <c r="B35" s="17" t="s">
        <v>12</v>
      </c>
      <c r="C35" s="17" t="s">
        <v>81</v>
      </c>
    </row>
    <row r="36" spans="1:3" ht="36" customHeight="1" x14ac:dyDescent="0.15">
      <c r="A36" s="28"/>
      <c r="B36" s="17" t="s">
        <v>74</v>
      </c>
      <c r="C36" s="17" t="s">
        <v>81</v>
      </c>
    </row>
    <row r="37" spans="1:3" ht="33" customHeight="1" x14ac:dyDescent="0.15">
      <c r="B37" s="22" t="s">
        <v>84</v>
      </c>
      <c r="C37" s="22"/>
    </row>
  </sheetData>
  <mergeCells count="3">
    <mergeCell ref="A1:C1"/>
    <mergeCell ref="A3:A36"/>
    <mergeCell ref="B37:C37"/>
  </mergeCells>
  <phoneticPr fontId="1"/>
  <pageMargins left="0.7" right="0.7" top="0.75" bottom="0.75" header="0.3" footer="0.3"/>
  <pageSetup paperSize="9" scale="84" orientation="portrait" verticalDpi="0"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CFF99"/>
  </sheetPr>
  <dimension ref="A1:C23"/>
  <sheetViews>
    <sheetView zoomScaleNormal="100" workbookViewId="0">
      <selection activeCell="C18" sqref="C18"/>
    </sheetView>
  </sheetViews>
  <sheetFormatPr defaultRowHeight="33" customHeight="1" x14ac:dyDescent="0.15"/>
  <cols>
    <col min="1" max="1" width="18" style="11" customWidth="1"/>
    <col min="2" max="2" width="30" style="9" customWidth="1"/>
    <col min="3" max="3" width="55.75" style="10" bestFit="1" customWidth="1"/>
    <col min="4" max="16384" width="9" style="11"/>
  </cols>
  <sheetData>
    <row r="1" spans="1:3" ht="35.25" customHeight="1" x14ac:dyDescent="0.15">
      <c r="A1" s="23" t="s">
        <v>0</v>
      </c>
      <c r="B1" s="24"/>
      <c r="C1" s="24"/>
    </row>
    <row r="2" spans="1:3" ht="35.25" customHeight="1" x14ac:dyDescent="0.15">
      <c r="A2" s="3" t="s">
        <v>1</v>
      </c>
      <c r="B2" s="6" t="s">
        <v>2</v>
      </c>
      <c r="C2" s="5" t="s">
        <v>3</v>
      </c>
    </row>
    <row r="3" spans="1:3" ht="35.25" customHeight="1" x14ac:dyDescent="0.15">
      <c r="A3" s="28" t="s">
        <v>68</v>
      </c>
      <c r="B3" s="12" t="s">
        <v>19</v>
      </c>
      <c r="C3" s="8" t="s">
        <v>11</v>
      </c>
    </row>
    <row r="4" spans="1:3" ht="35.25" customHeight="1" x14ac:dyDescent="0.15">
      <c r="A4" s="28"/>
      <c r="B4" s="12" t="s">
        <v>69</v>
      </c>
      <c r="C4" s="17" t="s">
        <v>11</v>
      </c>
    </row>
    <row r="5" spans="1:3" ht="35.25" customHeight="1" x14ac:dyDescent="0.15">
      <c r="A5" s="28"/>
      <c r="B5" s="12" t="s">
        <v>70</v>
      </c>
      <c r="C5" s="17" t="s">
        <v>111</v>
      </c>
    </row>
    <row r="6" spans="1:3" customFormat="1" ht="24.75" customHeight="1" x14ac:dyDescent="0.15">
      <c r="A6" s="28"/>
      <c r="B6" s="17" t="s">
        <v>6</v>
      </c>
      <c r="C6" s="17" t="s">
        <v>4</v>
      </c>
    </row>
    <row r="7" spans="1:3" customFormat="1" ht="36" customHeight="1" x14ac:dyDescent="0.15">
      <c r="A7" s="28"/>
      <c r="B7" s="17" t="s">
        <v>73</v>
      </c>
      <c r="C7" s="17" t="s">
        <v>5</v>
      </c>
    </row>
    <row r="8" spans="1:3" ht="35.25" customHeight="1" x14ac:dyDescent="0.15">
      <c r="A8" s="28"/>
      <c r="B8" s="12" t="s">
        <v>28</v>
      </c>
      <c r="C8" s="17" t="s">
        <v>11</v>
      </c>
    </row>
    <row r="9" spans="1:3" ht="36" customHeight="1" x14ac:dyDescent="0.15">
      <c r="A9" s="28"/>
      <c r="B9" s="17" t="s">
        <v>78</v>
      </c>
      <c r="C9" s="17" t="s">
        <v>120</v>
      </c>
    </row>
    <row r="10" spans="1:3" ht="36" customHeight="1" x14ac:dyDescent="0.15">
      <c r="A10" s="28"/>
      <c r="B10" s="17" t="s">
        <v>79</v>
      </c>
      <c r="C10" s="16" t="s">
        <v>141</v>
      </c>
    </row>
    <row r="11" spans="1:3" ht="73.5" customHeight="1" x14ac:dyDescent="0.15">
      <c r="A11" s="28"/>
      <c r="B11" s="12" t="s">
        <v>7</v>
      </c>
      <c r="C11" s="17" t="s">
        <v>75</v>
      </c>
    </row>
    <row r="12" spans="1:3" ht="35.25" customHeight="1" x14ac:dyDescent="0.15">
      <c r="A12" s="28"/>
      <c r="B12" s="12" t="s">
        <v>8</v>
      </c>
      <c r="C12" s="17" t="s">
        <v>71</v>
      </c>
    </row>
    <row r="13" spans="1:3" ht="72" customHeight="1" x14ac:dyDescent="0.15">
      <c r="A13" s="28"/>
      <c r="B13" s="12" t="s">
        <v>9</v>
      </c>
      <c r="C13" s="17" t="s">
        <v>75</v>
      </c>
    </row>
    <row r="14" spans="1:3" ht="35.25" customHeight="1" x14ac:dyDescent="0.15">
      <c r="A14" s="28"/>
      <c r="B14" s="12" t="s">
        <v>72</v>
      </c>
      <c r="C14" s="17" t="s">
        <v>111</v>
      </c>
    </row>
    <row r="15" spans="1:3" ht="35.25" customHeight="1" x14ac:dyDescent="0.15">
      <c r="A15" s="28"/>
      <c r="B15" s="12" t="s">
        <v>38</v>
      </c>
      <c r="C15" s="17" t="s">
        <v>11</v>
      </c>
    </row>
    <row r="16" spans="1:3" ht="35.25" customHeight="1" x14ac:dyDescent="0.15">
      <c r="A16" s="28"/>
      <c r="B16" s="12" t="s">
        <v>10</v>
      </c>
      <c r="C16" s="17" t="s">
        <v>11</v>
      </c>
    </row>
    <row r="17" spans="1:3" ht="35.25" customHeight="1" x14ac:dyDescent="0.15">
      <c r="A17" s="28"/>
      <c r="B17" s="17" t="s">
        <v>66</v>
      </c>
      <c r="C17" s="17" t="s">
        <v>67</v>
      </c>
    </row>
    <row r="18" spans="1:3" ht="35.25" customHeight="1" x14ac:dyDescent="0.15">
      <c r="A18" s="28"/>
      <c r="B18" s="17" t="s">
        <v>106</v>
      </c>
      <c r="C18" s="17" t="s">
        <v>11</v>
      </c>
    </row>
    <row r="19" spans="1:3" ht="39" customHeight="1" x14ac:dyDescent="0.15">
      <c r="A19" s="28"/>
      <c r="B19" s="16" t="s">
        <v>80</v>
      </c>
      <c r="C19" s="16" t="s">
        <v>88</v>
      </c>
    </row>
    <row r="20" spans="1:3" ht="78.75" customHeight="1" x14ac:dyDescent="0.15">
      <c r="A20" s="28"/>
      <c r="B20" s="17" t="s">
        <v>17</v>
      </c>
      <c r="C20" s="17" t="s">
        <v>142</v>
      </c>
    </row>
    <row r="21" spans="1:3" ht="36" customHeight="1" x14ac:dyDescent="0.15">
      <c r="A21" s="28"/>
      <c r="B21" s="17" t="s">
        <v>12</v>
      </c>
      <c r="C21" s="17" t="s">
        <v>81</v>
      </c>
    </row>
    <row r="22" spans="1:3" ht="36" customHeight="1" x14ac:dyDescent="0.15">
      <c r="A22" s="28"/>
      <c r="B22" s="17" t="s">
        <v>74</v>
      </c>
      <c r="C22" s="17" t="s">
        <v>81</v>
      </c>
    </row>
    <row r="23" spans="1:3" ht="33" customHeight="1" x14ac:dyDescent="0.15">
      <c r="B23" s="22" t="s">
        <v>84</v>
      </c>
      <c r="C23" s="22"/>
    </row>
  </sheetData>
  <mergeCells count="3">
    <mergeCell ref="A1:C1"/>
    <mergeCell ref="A3:A22"/>
    <mergeCell ref="B23:C23"/>
  </mergeCells>
  <phoneticPr fontId="1"/>
  <pageMargins left="0.7" right="0.7" top="0.75" bottom="0.75" header="0.3" footer="0.3"/>
  <pageSetup paperSize="9" scale="86"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9</vt:i4>
      </vt:variant>
    </vt:vector>
  </HeadingPairs>
  <TitlesOfParts>
    <vt:vector size="9" baseType="lpstr">
      <vt:lpstr>定期巡回・随時対応型訪問介護</vt:lpstr>
      <vt:lpstr>夜間対応型訪問介護</vt:lpstr>
      <vt:lpstr>地域密着型通所介護</vt:lpstr>
      <vt:lpstr>認知症対応型通所介護</vt:lpstr>
      <vt:lpstr>小規模多機能型居宅介護</vt:lpstr>
      <vt:lpstr>認知症対応型共同生活介護</vt:lpstr>
      <vt:lpstr>地域密着型特定施設入居者生活介護</vt:lpstr>
      <vt:lpstr>地域密着型介護老人福祉施設</vt:lpstr>
      <vt:lpstr>看護小規模多機能型居宅介護</vt:lpstr>
    </vt:vector>
  </TitlesOfParts>
  <Company>京田辺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京田辺市役所</dc:creator>
  <cp:lastModifiedBy>京田辺市役所</cp:lastModifiedBy>
  <cp:lastPrinted>2018-03-30T12:14:22Z</cp:lastPrinted>
  <dcterms:created xsi:type="dcterms:W3CDTF">2018-03-30T10:55:49Z</dcterms:created>
  <dcterms:modified xsi:type="dcterms:W3CDTF">2024-01-16T00:36:17Z</dcterms:modified>
</cp:coreProperties>
</file>